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theme/themeOverride2.xml" ContentType="application/vnd.openxmlformats-officedocument.themeOverrid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3.xml" ContentType="application/vnd.openxmlformats-officedocument.themeOverr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4.xml" ContentType="application/vnd.openxmlformats-officedocument.themeOverrid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5.xml" ContentType="application/vnd.openxmlformats-officedocument.themeOverrid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6.xml" ContentType="application/vnd.openxmlformats-officedocument.themeOverrid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7.xml" ContentType="application/vnd.openxmlformats-officedocument.themeOverrid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theme/themeOverride8.xml" ContentType="application/vnd.openxmlformats-officedocument.themeOverride+xml"/>
  <Override PartName="/ppt/charts/chart9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theme/themeOverride9.xml" ContentType="application/vnd.openxmlformats-officedocument.themeOverride+xml"/>
  <Override PartName="/ppt/charts/chart10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theme/themeOverride10.xml" ContentType="application/vnd.openxmlformats-officedocument.themeOverride+xml"/>
  <Override PartName="/ppt/charts/chart11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theme/themeOverride11.xml" ContentType="application/vnd.openxmlformats-officedocument.themeOverride+xml"/>
  <Override PartName="/ppt/charts/chart12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theme/themeOverride12.xml" ContentType="application/vnd.openxmlformats-officedocument.themeOverride+xml"/>
  <Override PartName="/ppt/charts/chart13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theme/themeOverride13.xml" ContentType="application/vnd.openxmlformats-officedocument.themeOverride+xml"/>
  <Override PartName="/ppt/charts/chart14.xml" ContentType="application/vnd.openxmlformats-officedocument.drawingml.chart+xml"/>
  <Override PartName="/ppt/charts/style14.xml" ContentType="application/vnd.ms-office.chartstyle+xml"/>
  <Override PartName="/ppt/charts/colors14.xml" ContentType="application/vnd.ms-office.chartcolorstyle+xml"/>
  <Override PartName="/ppt/theme/themeOverride14.xml" ContentType="application/vnd.openxmlformats-officedocument.themeOverr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98"/>
  </p:sldMasterIdLst>
  <p:notesMasterIdLst>
    <p:notesMasterId r:id="rId145"/>
  </p:notesMasterIdLst>
  <p:handoutMasterIdLst>
    <p:handoutMasterId r:id="rId146"/>
  </p:handoutMasterIdLst>
  <p:sldIdLst>
    <p:sldId id="257" r:id="rId99"/>
    <p:sldId id="1175" r:id="rId100"/>
    <p:sldId id="1167" r:id="rId101"/>
    <p:sldId id="1178" r:id="rId102"/>
    <p:sldId id="1176" r:id="rId103"/>
    <p:sldId id="1170" r:id="rId104"/>
    <p:sldId id="1169" r:id="rId105"/>
    <p:sldId id="1179" r:id="rId106"/>
    <p:sldId id="352" r:id="rId107"/>
    <p:sldId id="353" r:id="rId108"/>
    <p:sldId id="358" r:id="rId109"/>
    <p:sldId id="265" r:id="rId110"/>
    <p:sldId id="268" r:id="rId111"/>
    <p:sldId id="316" r:id="rId112"/>
    <p:sldId id="325" r:id="rId113"/>
    <p:sldId id="1157" r:id="rId114"/>
    <p:sldId id="357" r:id="rId115"/>
    <p:sldId id="354" r:id="rId116"/>
    <p:sldId id="356" r:id="rId117"/>
    <p:sldId id="355" r:id="rId118"/>
    <p:sldId id="341" r:id="rId119"/>
    <p:sldId id="1173" r:id="rId120"/>
    <p:sldId id="1159" r:id="rId121"/>
    <p:sldId id="342" r:id="rId122"/>
    <p:sldId id="343" r:id="rId123"/>
    <p:sldId id="344" r:id="rId124"/>
    <p:sldId id="1174" r:id="rId125"/>
    <p:sldId id="346" r:id="rId126"/>
    <p:sldId id="345" r:id="rId127"/>
    <p:sldId id="271" r:id="rId128"/>
    <p:sldId id="285" r:id="rId129"/>
    <p:sldId id="269" r:id="rId130"/>
    <p:sldId id="270" r:id="rId131"/>
    <p:sldId id="317" r:id="rId132"/>
    <p:sldId id="318" r:id="rId133"/>
    <p:sldId id="304" r:id="rId134"/>
    <p:sldId id="1150" r:id="rId135"/>
    <p:sldId id="294" r:id="rId136"/>
    <p:sldId id="1153" r:id="rId137"/>
    <p:sldId id="1166" r:id="rId138"/>
    <p:sldId id="1151" r:id="rId139"/>
    <p:sldId id="1152" r:id="rId140"/>
    <p:sldId id="1154" r:id="rId141"/>
    <p:sldId id="1155" r:id="rId142"/>
    <p:sldId id="1156" r:id="rId143"/>
    <p:sldId id="1165" r:id="rId144"/>
  </p:sldIdLst>
  <p:sldSz cx="12192000" cy="6858000"/>
  <p:notesSz cx="7099300" cy="93853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DE6"/>
    <a:srgbClr val="3399FF"/>
    <a:srgbClr val="417FCB"/>
    <a:srgbClr val="26C1E6"/>
    <a:srgbClr val="FA3526"/>
    <a:srgbClr val="CD1305"/>
    <a:srgbClr val="65D7FF"/>
    <a:srgbClr val="6A91A2"/>
    <a:srgbClr val="5B88B1"/>
    <a:srgbClr val="B8110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18603FDC-E32A-4AB5-989C-0864C3EAD2B8}" styleName="Themed Style 2 -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306799F8-075E-4A3A-A7F6-7FBC6576F1A4}" styleName="Themed Style 2 - Accent 3">
    <a:tblBg>
      <a:fillRef idx="3">
        <a:schemeClr val="accent3"/>
      </a:fillRef>
      <a:effectRef idx="3">
        <a:schemeClr val="accent3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3">
                <a:tint val="50000"/>
              </a:schemeClr>
            </a:lnRef>
          </a:left>
          <a:right>
            <a:lnRef idx="1">
              <a:schemeClr val="accent3">
                <a:tint val="50000"/>
              </a:schemeClr>
            </a:lnRef>
          </a:right>
          <a:top>
            <a:lnRef idx="1">
              <a:schemeClr val="accent3">
                <a:tint val="50000"/>
              </a:schemeClr>
            </a:lnRef>
          </a:top>
          <a:bottom>
            <a:lnRef idx="1">
              <a:schemeClr val="accent3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69CF1AB2-1976-4502-BF36-3FF5EA218861}" styleName="Medium Style 4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1">
              <a:tint val="20000"/>
            </a:schemeClr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10A1B5D5-9B99-4C35-A422-299274C87663}" styleName="Medium Style 1 - Acc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94712" autoAdjust="0"/>
  </p:normalViewPr>
  <p:slideViewPr>
    <p:cSldViewPr snapToGrid="0" snapToObjects="1">
      <p:cViewPr varScale="1">
        <p:scale>
          <a:sx n="101" d="100"/>
          <a:sy n="101" d="100"/>
        </p:scale>
        <p:origin x="852" y="10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84" d="100"/>
          <a:sy n="84" d="100"/>
        </p:scale>
        <p:origin x="382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19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40.xml"/><Relationship Id="rId107" Type="http://schemas.openxmlformats.org/officeDocument/2006/relationships/slide" Target="slides/slide9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30.xml"/><Relationship Id="rId149" Type="http://schemas.openxmlformats.org/officeDocument/2006/relationships/theme" Target="theme/theme1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slide" Target="slides/slide15.xml"/><Relationship Id="rId118" Type="http://schemas.openxmlformats.org/officeDocument/2006/relationships/slide" Target="slides/slide20.xml"/><Relationship Id="rId134" Type="http://schemas.openxmlformats.org/officeDocument/2006/relationships/slide" Target="slides/slide36.xml"/><Relationship Id="rId139" Type="http://schemas.openxmlformats.org/officeDocument/2006/relationships/slide" Target="slides/slide41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tableStyles" Target="tableStyle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5.xml"/><Relationship Id="rId108" Type="http://schemas.openxmlformats.org/officeDocument/2006/relationships/slide" Target="slides/slide10.xml"/><Relationship Id="rId124" Type="http://schemas.openxmlformats.org/officeDocument/2006/relationships/slide" Target="slides/slide26.xml"/><Relationship Id="rId129" Type="http://schemas.openxmlformats.org/officeDocument/2006/relationships/slide" Target="slides/slide31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42.xml"/><Relationship Id="rId145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16.xml"/><Relationship Id="rId119" Type="http://schemas.openxmlformats.org/officeDocument/2006/relationships/slide" Target="slides/slide21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32.xml"/><Relationship Id="rId135" Type="http://schemas.openxmlformats.org/officeDocument/2006/relationships/slide" Target="slides/slide37.xml"/><Relationship Id="rId151" Type="http://schemas.microsoft.com/office/2016/11/relationships/changesInfo" Target="changesInfos/changesInfo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1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slide" Target="slides/slide6.xml"/><Relationship Id="rId120" Type="http://schemas.openxmlformats.org/officeDocument/2006/relationships/slide" Target="slides/slide22.xml"/><Relationship Id="rId125" Type="http://schemas.openxmlformats.org/officeDocument/2006/relationships/slide" Target="slides/slide27.xml"/><Relationship Id="rId141" Type="http://schemas.openxmlformats.org/officeDocument/2006/relationships/slide" Target="slides/slide43.xml"/><Relationship Id="rId146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12.xml"/><Relationship Id="rId115" Type="http://schemas.openxmlformats.org/officeDocument/2006/relationships/slide" Target="slides/slide17.xml"/><Relationship Id="rId131" Type="http://schemas.openxmlformats.org/officeDocument/2006/relationships/slide" Target="slides/slide33.xml"/><Relationship Id="rId136" Type="http://schemas.openxmlformats.org/officeDocument/2006/relationships/slide" Target="slides/slide38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microsoft.com/office/2018/10/relationships/authors" Target="author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slide" Target="slides/slide2.xml"/><Relationship Id="rId105" Type="http://schemas.openxmlformats.org/officeDocument/2006/relationships/slide" Target="slides/slide7.xml"/><Relationship Id="rId126" Type="http://schemas.openxmlformats.org/officeDocument/2006/relationships/slide" Target="slides/slide28.xml"/><Relationship Id="rId147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slideMaster" Target="slideMasters/slideMaster1.xml"/><Relationship Id="rId121" Type="http://schemas.openxmlformats.org/officeDocument/2006/relationships/slide" Target="slides/slide23.xml"/><Relationship Id="rId142" Type="http://schemas.openxmlformats.org/officeDocument/2006/relationships/slide" Target="slides/slide44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18.xml"/><Relationship Id="rId137" Type="http://schemas.openxmlformats.org/officeDocument/2006/relationships/slide" Target="slides/slide3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3.xml"/><Relationship Id="rId132" Type="http://schemas.openxmlformats.org/officeDocument/2006/relationships/slide" Target="slides/slide34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8.xml"/><Relationship Id="rId127" Type="http://schemas.openxmlformats.org/officeDocument/2006/relationships/slide" Target="slides/slide2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slide" Target="slides/slide1.xml"/><Relationship Id="rId101" Type="http://schemas.openxmlformats.org/officeDocument/2006/relationships/slide" Target="slides/slide3.xml"/><Relationship Id="rId122" Type="http://schemas.openxmlformats.org/officeDocument/2006/relationships/slide" Target="slides/slide24.xml"/><Relationship Id="rId143" Type="http://schemas.openxmlformats.org/officeDocument/2006/relationships/slide" Target="slides/slide45.xml"/><Relationship Id="rId148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4.xml"/><Relationship Id="rId133" Type="http://schemas.openxmlformats.org/officeDocument/2006/relationships/slide" Target="slides/slide35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" Target="slides/slide4.xml"/><Relationship Id="rId123" Type="http://schemas.openxmlformats.org/officeDocument/2006/relationships/slide" Target="slides/slide25.xml"/><Relationship Id="rId144" Type="http://schemas.openxmlformats.org/officeDocument/2006/relationships/slide" Target="slides/slide46.xml"/><Relationship Id="rId90" Type="http://schemas.openxmlformats.org/officeDocument/2006/relationships/customXml" Target="../customXml/item90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ttinger, James R" userId="a1950f07-3ad9-48eb-8a7a-55a8afe69a63" providerId="ADAL" clId="{2F5EC4DD-44AD-4A57-9A87-793F9258CB46}"/>
    <pc:docChg chg="delSld">
      <pc:chgData name="Graettinger, James R" userId="a1950f07-3ad9-48eb-8a7a-55a8afe69a63" providerId="ADAL" clId="{2F5EC4DD-44AD-4A57-9A87-793F9258CB46}" dt="2025-12-09T11:43:43.017" v="0" actId="2696"/>
      <pc:docMkLst>
        <pc:docMk/>
      </pc:docMkLst>
      <pc:sldChg chg="del">
        <pc:chgData name="Graettinger, James R" userId="a1950f07-3ad9-48eb-8a7a-55a8afe69a63" providerId="ADAL" clId="{2F5EC4DD-44AD-4A57-9A87-793F9258CB46}" dt="2025-12-09T11:43:43.017" v="0" actId="2696"/>
        <pc:sldMkLst>
          <pc:docMk/>
          <pc:sldMk cId="2390891749" sldId="1158"/>
        </pc:sldMkLst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0.xml"/><Relationship Id="rId2" Type="http://schemas.microsoft.com/office/2011/relationships/chartColorStyle" Target="colors10.xml"/><Relationship Id="rId1" Type="http://schemas.microsoft.com/office/2011/relationships/chartStyle" Target="style10.xml"/><Relationship Id="rId4" Type="http://schemas.openxmlformats.org/officeDocument/2006/relationships/package" Target="../embeddings/Microsoft_Excel_Worksheet9.xlsx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1.xml"/><Relationship Id="rId2" Type="http://schemas.microsoft.com/office/2011/relationships/chartColorStyle" Target="colors11.xml"/><Relationship Id="rId1" Type="http://schemas.microsoft.com/office/2011/relationships/chartStyle" Target="style11.xml"/><Relationship Id="rId4" Type="http://schemas.openxmlformats.org/officeDocument/2006/relationships/package" Target="../embeddings/Microsoft_Excel_Worksheet10.xlsx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2.xml"/><Relationship Id="rId2" Type="http://schemas.microsoft.com/office/2011/relationships/chartColorStyle" Target="colors12.xml"/><Relationship Id="rId1" Type="http://schemas.microsoft.com/office/2011/relationships/chartStyle" Target="style12.xml"/><Relationship Id="rId4" Type="http://schemas.openxmlformats.org/officeDocument/2006/relationships/package" Target="../embeddings/Microsoft_Excel_Worksheet11.xlsx"/></Relationships>
</file>

<file path=ppt/charts/_rels/chart1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3.xml"/><Relationship Id="rId2" Type="http://schemas.microsoft.com/office/2011/relationships/chartColorStyle" Target="colors13.xml"/><Relationship Id="rId1" Type="http://schemas.microsoft.com/office/2011/relationships/chartStyle" Target="style13.xml"/><Relationship Id="rId4" Type="http://schemas.openxmlformats.org/officeDocument/2006/relationships/package" Target="../embeddings/Microsoft_Excel_Worksheet12.xlsx"/></Relationships>
</file>

<file path=ppt/charts/_rels/chart1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4.xml"/><Relationship Id="rId2" Type="http://schemas.microsoft.com/office/2011/relationships/chartColorStyle" Target="colors14.xml"/><Relationship Id="rId1" Type="http://schemas.microsoft.com/office/2011/relationships/chartStyle" Target="style14.xml"/><Relationship Id="rId4" Type="http://schemas.openxmlformats.org/officeDocument/2006/relationships/package" Target="../embeddings/Microsoft_Excel_Worksheet13.xlsx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package" Target="../embeddings/Microsoft_Excel_Worksheet1.xlsx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package" Target="../embeddings/Microsoft_Excel_Worksheet2.xlsx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package" Target="../embeddings/Microsoft_Excel_Worksheet3.xlsx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package" Target="../embeddings/Microsoft_Excel_Worksheet4.xlsx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6.xml"/><Relationship Id="rId1" Type="http://schemas.microsoft.com/office/2011/relationships/chartStyle" Target="style6.xml"/><Relationship Id="rId4" Type="http://schemas.openxmlformats.org/officeDocument/2006/relationships/package" Target="../embeddings/Microsoft_Excel_Worksheet5.xlsx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package" Target="../embeddings/Microsoft_Excel_Worksheet6.xlsx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8.xml"/><Relationship Id="rId2" Type="http://schemas.microsoft.com/office/2011/relationships/chartColorStyle" Target="colors8.xml"/><Relationship Id="rId1" Type="http://schemas.microsoft.com/office/2011/relationships/chartStyle" Target="style8.xml"/><Relationship Id="rId4" Type="http://schemas.openxmlformats.org/officeDocument/2006/relationships/package" Target="../embeddings/Microsoft_Excel_Worksheet7.xlsx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9.xml"/><Relationship Id="rId2" Type="http://schemas.microsoft.com/office/2011/relationships/chartColorStyle" Target="colors9.xml"/><Relationship Id="rId1" Type="http://schemas.microsoft.com/office/2011/relationships/chartStyle" Target="style9.xml"/><Relationship Id="rId4" Type="http://schemas.openxmlformats.org/officeDocument/2006/relationships/package" Target="../embeddings/Microsoft_Excel_Worksheet8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6Month'!$B$1:$B$2</c:f>
              <c:strCache>
                <c:ptCount val="2"/>
                <c:pt idx="0">
                  <c:v>Wireless</c:v>
                </c:pt>
                <c:pt idx="1">
                  <c:v>Federal/State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0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numRef>
              <c:f>'6Month'!$A$6:$A$11</c:f>
              <c:numCache>
                <c:formatCode>mmm\-yy</c:formatCode>
                <c:ptCount val="6"/>
                <c:pt idx="0">
                  <c:v>45809</c:v>
                </c:pt>
                <c:pt idx="1">
                  <c:v>45839</c:v>
                </c:pt>
                <c:pt idx="2">
                  <c:v>45870</c:v>
                </c:pt>
                <c:pt idx="3">
                  <c:v>45901</c:v>
                </c:pt>
                <c:pt idx="4">
                  <c:v>45931</c:v>
                </c:pt>
                <c:pt idx="5">
                  <c:v>45962</c:v>
                </c:pt>
              </c:numCache>
            </c:numRef>
          </c:cat>
          <c:val>
            <c:numRef>
              <c:f>'6Month'!$B$6:$B$11</c:f>
              <c:numCache>
                <c:formatCode>#,##0</c:formatCode>
                <c:ptCount val="6"/>
                <c:pt idx="0">
                  <c:v>1649690</c:v>
                </c:pt>
                <c:pt idx="1">
                  <c:v>1687294</c:v>
                </c:pt>
                <c:pt idx="2">
                  <c:v>1689614</c:v>
                </c:pt>
                <c:pt idx="3">
                  <c:v>1705462</c:v>
                </c:pt>
                <c:pt idx="4">
                  <c:v>1713626</c:v>
                </c:pt>
                <c:pt idx="5">
                  <c:v>167718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7641-4762-99F6-7D25A628DD4E}"/>
            </c:ext>
          </c:extLst>
        </c:ser>
        <c:ser>
          <c:idx val="1"/>
          <c:order val="1"/>
          <c:tx>
            <c:strRef>
              <c:f>'6Month'!$C$1:$C$2</c:f>
              <c:strCache>
                <c:ptCount val="2"/>
                <c:pt idx="0">
                  <c:v>Wireless</c:v>
                </c:pt>
                <c:pt idx="1">
                  <c:v>California Only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3.478261187105894E-3"/>
                  <c:y val="-2.1505376344085909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5-7641-4762-99F6-7D25A628DD4E}"/>
                </c:ext>
              </c:extLst>
            </c:dLbl>
            <c:dLbl>
              <c:idx val="1"/>
              <c:layout>
                <c:manualLayout>
                  <c:x val="3.4782611871058515E-3"/>
                  <c:y val="-2.7649769585253458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1-7641-4762-99F6-7D25A628DD4E}"/>
                </c:ext>
              </c:extLst>
            </c:dLbl>
            <c:dLbl>
              <c:idx val="2"/>
              <c:layout>
                <c:manualLayout>
                  <c:x val="1.1594203957019647E-3"/>
                  <c:y val="-3.0721966205837285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F-7641-4762-99F6-7D25A628DD4E}"/>
                </c:ext>
              </c:extLst>
            </c:dLbl>
            <c:dLbl>
              <c:idx val="3"/>
              <c:layout>
                <c:manualLayout>
                  <c:x val="5.7971019785098233E-3"/>
                  <c:y val="-2.4577572964669739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B-7641-4762-99F6-7D25A628DD4E}"/>
                </c:ext>
              </c:extLst>
            </c:dLbl>
            <c:dLbl>
              <c:idx val="4"/>
              <c:layout>
                <c:manualLayout>
                  <c:x val="3.478261187105724E-3"/>
                  <c:y val="-2.7649769585253569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8-7641-4762-99F6-7D25A628DD4E}"/>
                </c:ext>
              </c:extLst>
            </c:dLbl>
            <c:dLbl>
              <c:idx val="5"/>
              <c:layout>
                <c:manualLayout>
                  <c:x val="3.478261187105894E-3"/>
                  <c:y val="-2.457757296466985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7641-4762-99F6-7D25A628DD4E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0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numRef>
              <c:f>'6Month'!$A$6:$A$11</c:f>
              <c:numCache>
                <c:formatCode>mmm\-yy</c:formatCode>
                <c:ptCount val="6"/>
                <c:pt idx="0">
                  <c:v>45809</c:v>
                </c:pt>
                <c:pt idx="1">
                  <c:v>45839</c:v>
                </c:pt>
                <c:pt idx="2">
                  <c:v>45870</c:v>
                </c:pt>
                <c:pt idx="3">
                  <c:v>45901</c:v>
                </c:pt>
                <c:pt idx="4">
                  <c:v>45931</c:v>
                </c:pt>
                <c:pt idx="5">
                  <c:v>45962</c:v>
                </c:pt>
              </c:numCache>
            </c:numRef>
          </c:cat>
          <c:val>
            <c:numRef>
              <c:f>'6Month'!$C$6:$C$11</c:f>
              <c:numCache>
                <c:formatCode>#,##0</c:formatCode>
                <c:ptCount val="6"/>
                <c:pt idx="0">
                  <c:v>22115</c:v>
                </c:pt>
                <c:pt idx="1">
                  <c:v>22220</c:v>
                </c:pt>
                <c:pt idx="2">
                  <c:v>22125</c:v>
                </c:pt>
                <c:pt idx="3">
                  <c:v>21795</c:v>
                </c:pt>
                <c:pt idx="4">
                  <c:v>21669</c:v>
                </c:pt>
                <c:pt idx="5">
                  <c:v>2119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7641-4762-99F6-7D25A628DD4E}"/>
            </c:ext>
          </c:extLst>
        </c:ser>
        <c:ser>
          <c:idx val="2"/>
          <c:order val="2"/>
          <c:tx>
            <c:strRef>
              <c:f>'6Month'!$D$1:$D$2</c:f>
              <c:strCache>
                <c:ptCount val="2"/>
                <c:pt idx="0">
                  <c:v>Wireline</c:v>
                </c:pt>
                <c:pt idx="1">
                  <c:v>Federal/State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0"/>
                  <c:y val="-4.9155145929339478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3-7641-4762-99F6-7D25A628DD4E}"/>
                </c:ext>
              </c:extLst>
            </c:dLbl>
            <c:dLbl>
              <c:idx val="1"/>
              <c:layout>
                <c:manualLayout>
                  <c:x val="-4.2511590078222464E-17"/>
                  <c:y val="-4.6082949308755873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0-7641-4762-99F6-7D25A628DD4E}"/>
                </c:ext>
              </c:extLst>
            </c:dLbl>
            <c:dLbl>
              <c:idx val="2"/>
              <c:layout>
                <c:manualLayout>
                  <c:x val="0"/>
                  <c:y val="-4.9155145929339478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7641-4762-99F6-7D25A628DD4E}"/>
                </c:ext>
              </c:extLst>
            </c:dLbl>
            <c:dLbl>
              <c:idx val="3"/>
              <c:layout>
                <c:manualLayout>
                  <c:x val="-8.5023180156444928E-17"/>
                  <c:y val="-6.1443932411674347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A-7641-4762-99F6-7D25A628DD4E}"/>
                </c:ext>
              </c:extLst>
            </c:dLbl>
            <c:dLbl>
              <c:idx val="4"/>
              <c:layout>
                <c:manualLayout>
                  <c:x val="1.1594203957019647E-3"/>
                  <c:y val="-5.5299539170506916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7641-4762-99F6-7D25A628DD4E}"/>
                </c:ext>
              </c:extLst>
            </c:dLbl>
            <c:dLbl>
              <c:idx val="5"/>
              <c:layout>
                <c:manualLayout>
                  <c:x val="0"/>
                  <c:y val="-5.5299539170506916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4-7641-4762-99F6-7D25A628DD4E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0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numRef>
              <c:f>'6Month'!$A$6:$A$11</c:f>
              <c:numCache>
                <c:formatCode>mmm\-yy</c:formatCode>
                <c:ptCount val="6"/>
                <c:pt idx="0">
                  <c:v>45809</c:v>
                </c:pt>
                <c:pt idx="1">
                  <c:v>45839</c:v>
                </c:pt>
                <c:pt idx="2">
                  <c:v>45870</c:v>
                </c:pt>
                <c:pt idx="3">
                  <c:v>45901</c:v>
                </c:pt>
                <c:pt idx="4">
                  <c:v>45931</c:v>
                </c:pt>
                <c:pt idx="5">
                  <c:v>45962</c:v>
                </c:pt>
              </c:numCache>
            </c:numRef>
          </c:cat>
          <c:val>
            <c:numRef>
              <c:f>'6Month'!$D$6:$D$11</c:f>
              <c:numCache>
                <c:formatCode>#,##0</c:formatCode>
                <c:ptCount val="6"/>
                <c:pt idx="0">
                  <c:v>84975</c:v>
                </c:pt>
                <c:pt idx="1">
                  <c:v>83349</c:v>
                </c:pt>
                <c:pt idx="2">
                  <c:v>81627</c:v>
                </c:pt>
                <c:pt idx="3">
                  <c:v>80025</c:v>
                </c:pt>
                <c:pt idx="4">
                  <c:v>78609</c:v>
                </c:pt>
                <c:pt idx="5">
                  <c:v>7688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7641-4762-99F6-7D25A628DD4E}"/>
            </c:ext>
          </c:extLst>
        </c:ser>
        <c:ser>
          <c:idx val="3"/>
          <c:order val="3"/>
          <c:tx>
            <c:strRef>
              <c:f>'6Month'!$E$1:$E$2</c:f>
              <c:strCache>
                <c:ptCount val="2"/>
                <c:pt idx="0">
                  <c:v>Wireline</c:v>
                </c:pt>
                <c:pt idx="1">
                  <c:v>California Only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1.1594203957019647E-3"/>
                  <c:y val="-1.8433179723502415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4-7641-4762-99F6-7D25A628DD4E}"/>
                </c:ext>
              </c:extLst>
            </c:dLbl>
            <c:dLbl>
              <c:idx val="1"/>
              <c:layout>
                <c:manualLayout>
                  <c:x val="0"/>
                  <c:y val="-1.53609831029187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12-7641-4762-99F6-7D25A628DD4E}"/>
                </c:ext>
              </c:extLst>
            </c:dLbl>
            <c:dLbl>
              <c:idx val="2"/>
              <c:layout>
                <c:manualLayout>
                  <c:x val="0"/>
                  <c:y val="-2.457757296466985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E-7641-4762-99F6-7D25A628DD4E}"/>
                </c:ext>
              </c:extLst>
            </c:dLbl>
            <c:dLbl>
              <c:idx val="3"/>
              <c:layout>
                <c:manualLayout>
                  <c:x val="-8.5023180156444928E-17"/>
                  <c:y val="-2.1505376344086134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C-7641-4762-99F6-7D25A628DD4E}"/>
                </c:ext>
              </c:extLst>
            </c:dLbl>
            <c:dLbl>
              <c:idx val="4"/>
              <c:layout>
                <c:manualLayout>
                  <c:x val="2.3188407914039293E-3"/>
                  <c:y val="-2.1505376344086023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7641-4762-99F6-7D25A628DD4E}"/>
                </c:ext>
              </c:extLst>
            </c:dLbl>
            <c:dLbl>
              <c:idx val="5"/>
              <c:layout>
                <c:manualLayout>
                  <c:x val="0"/>
                  <c:y val="-2.1505376344086023E-2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7641-4762-99F6-7D25A628DD4E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0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numRef>
              <c:f>'6Month'!$A$6:$A$11</c:f>
              <c:numCache>
                <c:formatCode>mmm\-yy</c:formatCode>
                <c:ptCount val="6"/>
                <c:pt idx="0">
                  <c:v>45809</c:v>
                </c:pt>
                <c:pt idx="1">
                  <c:v>45839</c:v>
                </c:pt>
                <c:pt idx="2">
                  <c:v>45870</c:v>
                </c:pt>
                <c:pt idx="3">
                  <c:v>45901</c:v>
                </c:pt>
                <c:pt idx="4">
                  <c:v>45931</c:v>
                </c:pt>
                <c:pt idx="5">
                  <c:v>45962</c:v>
                </c:pt>
              </c:numCache>
            </c:numRef>
          </c:cat>
          <c:val>
            <c:numRef>
              <c:f>'6Month'!$E$6:$E$11</c:f>
              <c:numCache>
                <c:formatCode>#,##0</c:formatCode>
                <c:ptCount val="6"/>
                <c:pt idx="0">
                  <c:v>8018</c:v>
                </c:pt>
                <c:pt idx="1">
                  <c:v>7820</c:v>
                </c:pt>
                <c:pt idx="2">
                  <c:v>7642</c:v>
                </c:pt>
                <c:pt idx="3">
                  <c:v>7464</c:v>
                </c:pt>
                <c:pt idx="4">
                  <c:v>7288</c:v>
                </c:pt>
                <c:pt idx="5">
                  <c:v>683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7641-4762-99F6-7D25A628DD4E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573734336"/>
        <c:axId val="573731936"/>
      </c:barChart>
      <c:dateAx>
        <c:axId val="573734336"/>
        <c:scaling>
          <c:orientation val="minMax"/>
        </c:scaling>
        <c:delete val="0"/>
        <c:axPos val="b"/>
        <c:numFmt formatCode="mmm\-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573731936"/>
        <c:crosses val="autoZero"/>
        <c:auto val="1"/>
        <c:lblOffset val="100"/>
        <c:baseTimeUnit val="months"/>
      </c:dateAx>
      <c:valAx>
        <c:axId val="5737319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57373433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0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Calls Offered Eng_Spa'!$B$1</c:f>
              <c:strCache>
                <c:ptCount val="1"/>
                <c:pt idx="0">
                  <c:v>English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Calls Offered Eng_Spa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Eng_Spa'!$B$2:$B$7</c:f>
              <c:numCache>
                <c:formatCode>#,##0_);\(#,##0\)</c:formatCode>
                <c:ptCount val="6"/>
                <c:pt idx="0">
                  <c:v>33066</c:v>
                </c:pt>
                <c:pt idx="1">
                  <c:v>37316</c:v>
                </c:pt>
                <c:pt idx="2">
                  <c:v>39288</c:v>
                </c:pt>
                <c:pt idx="3">
                  <c:v>43246</c:v>
                </c:pt>
                <c:pt idx="4">
                  <c:v>56592</c:v>
                </c:pt>
                <c:pt idx="5">
                  <c:v>4743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E27-47C7-8758-9C06357B13B1}"/>
            </c:ext>
          </c:extLst>
        </c:ser>
        <c:ser>
          <c:idx val="1"/>
          <c:order val="1"/>
          <c:tx>
            <c:strRef>
              <c:f>'Calls Offered Eng_Spa'!$C$1</c:f>
              <c:strCache>
                <c:ptCount val="1"/>
                <c:pt idx="0">
                  <c:v>Spanish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Calls Offered Eng_Spa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Eng_Spa'!$C$2:$C$7</c:f>
              <c:numCache>
                <c:formatCode>#,##0_);\(#,##0\)</c:formatCode>
                <c:ptCount val="6"/>
                <c:pt idx="0">
                  <c:v>3114</c:v>
                </c:pt>
                <c:pt idx="1">
                  <c:v>3480</c:v>
                </c:pt>
                <c:pt idx="2">
                  <c:v>3927</c:v>
                </c:pt>
                <c:pt idx="3">
                  <c:v>4466</c:v>
                </c:pt>
                <c:pt idx="4">
                  <c:v>5468</c:v>
                </c:pt>
                <c:pt idx="5">
                  <c:v>411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CE27-47C7-8758-9C06357B13B1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689569952"/>
        <c:axId val="689570432"/>
      </c:barChart>
      <c:catAx>
        <c:axId val="6895699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70432"/>
        <c:crosses val="autoZero"/>
        <c:auto val="1"/>
        <c:lblAlgn val="ctr"/>
        <c:lblOffset val="100"/>
        <c:noMultiLvlLbl val="0"/>
      </c:catAx>
      <c:valAx>
        <c:axId val="6895704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_);\(#,##0\)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6995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1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Calls Offered Other Lang'!$B$1</c:f>
              <c:strCache>
                <c:ptCount val="1"/>
                <c:pt idx="0">
                  <c:v>Mandarin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B$2:$B$7</c:f>
              <c:numCache>
                <c:formatCode>#,##0_);\(#,##0\)</c:formatCode>
                <c:ptCount val="6"/>
                <c:pt idx="0">
                  <c:v>146</c:v>
                </c:pt>
                <c:pt idx="1">
                  <c:v>152</c:v>
                </c:pt>
                <c:pt idx="2">
                  <c:v>204</c:v>
                </c:pt>
                <c:pt idx="3">
                  <c:v>258</c:v>
                </c:pt>
                <c:pt idx="4">
                  <c:v>302</c:v>
                </c:pt>
                <c:pt idx="5">
                  <c:v>26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9CA-45E6-BD28-ED4958F315D1}"/>
            </c:ext>
          </c:extLst>
        </c:ser>
        <c:ser>
          <c:idx val="1"/>
          <c:order val="1"/>
          <c:tx>
            <c:strRef>
              <c:f>'Calls Offered Other Lang'!$C$1</c:f>
              <c:strCache>
                <c:ptCount val="1"/>
                <c:pt idx="0">
                  <c:v>Cantones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C$2:$C$7</c:f>
              <c:numCache>
                <c:formatCode>#,##0_);\(#,##0\)</c:formatCode>
                <c:ptCount val="6"/>
                <c:pt idx="0">
                  <c:v>120</c:v>
                </c:pt>
                <c:pt idx="1">
                  <c:v>103</c:v>
                </c:pt>
                <c:pt idx="2">
                  <c:v>156</c:v>
                </c:pt>
                <c:pt idx="3">
                  <c:v>198</c:v>
                </c:pt>
                <c:pt idx="4">
                  <c:v>201</c:v>
                </c:pt>
                <c:pt idx="5">
                  <c:v>22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69CA-45E6-BD28-ED4958F315D1}"/>
            </c:ext>
          </c:extLst>
        </c:ser>
        <c:ser>
          <c:idx val="2"/>
          <c:order val="2"/>
          <c:tx>
            <c:strRef>
              <c:f>'Calls Offered Other Lang'!$D$1</c:f>
              <c:strCache>
                <c:ptCount val="1"/>
                <c:pt idx="0">
                  <c:v>Vietnamese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D$2:$D$7</c:f>
              <c:numCache>
                <c:formatCode>#,##0_);\(#,##0\)</c:formatCode>
                <c:ptCount val="6"/>
                <c:pt idx="0">
                  <c:v>115</c:v>
                </c:pt>
                <c:pt idx="1">
                  <c:v>127</c:v>
                </c:pt>
                <c:pt idx="2">
                  <c:v>139</c:v>
                </c:pt>
                <c:pt idx="3">
                  <c:v>156</c:v>
                </c:pt>
                <c:pt idx="4">
                  <c:v>178</c:v>
                </c:pt>
                <c:pt idx="5">
                  <c:v>1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69CA-45E6-BD28-ED4958F315D1}"/>
            </c:ext>
          </c:extLst>
        </c:ser>
        <c:ser>
          <c:idx val="3"/>
          <c:order val="3"/>
          <c:tx>
            <c:strRef>
              <c:f>'Calls Offered Other Lang'!$E$1</c:f>
              <c:strCache>
                <c:ptCount val="1"/>
                <c:pt idx="0">
                  <c:v>Korean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E$2:$E$7</c:f>
              <c:numCache>
                <c:formatCode>#,##0_);\(#,##0\)</c:formatCode>
                <c:ptCount val="6"/>
                <c:pt idx="0">
                  <c:v>54</c:v>
                </c:pt>
                <c:pt idx="1">
                  <c:v>56</c:v>
                </c:pt>
                <c:pt idx="2">
                  <c:v>67</c:v>
                </c:pt>
                <c:pt idx="3">
                  <c:v>79</c:v>
                </c:pt>
                <c:pt idx="4">
                  <c:v>100</c:v>
                </c:pt>
                <c:pt idx="5">
                  <c:v>6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69CA-45E6-BD28-ED4958F315D1}"/>
            </c:ext>
          </c:extLst>
        </c:ser>
        <c:ser>
          <c:idx val="4"/>
          <c:order val="4"/>
          <c:tx>
            <c:strRef>
              <c:f>'Calls Offered Other Lang'!$F$1</c:f>
              <c:strCache>
                <c:ptCount val="1"/>
                <c:pt idx="0">
                  <c:v>Tagalog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F$2:$F$7</c:f>
              <c:numCache>
                <c:formatCode>#,##0_);\(#,##0\)</c:formatCode>
                <c:ptCount val="6"/>
                <c:pt idx="0">
                  <c:v>12</c:v>
                </c:pt>
                <c:pt idx="1">
                  <c:v>16</c:v>
                </c:pt>
                <c:pt idx="2">
                  <c:v>17</c:v>
                </c:pt>
                <c:pt idx="3">
                  <c:v>29</c:v>
                </c:pt>
                <c:pt idx="4">
                  <c:v>17</c:v>
                </c:pt>
                <c:pt idx="5">
                  <c:v>3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69CA-45E6-BD28-ED4958F315D1}"/>
            </c:ext>
          </c:extLst>
        </c:ser>
        <c:ser>
          <c:idx val="5"/>
          <c:order val="5"/>
          <c:tx>
            <c:strRef>
              <c:f>'Calls Offered Other Lang'!$G$1</c:f>
              <c:strCache>
                <c:ptCount val="1"/>
                <c:pt idx="0">
                  <c:v>Japanese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G$2:$G$7</c:f>
              <c:numCache>
                <c:formatCode>#,##0_);\(#,##0\)</c:formatCode>
                <c:ptCount val="6"/>
                <c:pt idx="0">
                  <c:v>10</c:v>
                </c:pt>
                <c:pt idx="1">
                  <c:v>6</c:v>
                </c:pt>
                <c:pt idx="2">
                  <c:v>22</c:v>
                </c:pt>
                <c:pt idx="3">
                  <c:v>19</c:v>
                </c:pt>
                <c:pt idx="4">
                  <c:v>12</c:v>
                </c:pt>
                <c:pt idx="5">
                  <c:v>1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69CA-45E6-BD28-ED4958F315D1}"/>
            </c:ext>
          </c:extLst>
        </c:ser>
        <c:ser>
          <c:idx val="6"/>
          <c:order val="6"/>
          <c:tx>
            <c:strRef>
              <c:f>'Calls Offered Other Lang'!$H$1</c:f>
              <c:strCache>
                <c:ptCount val="1"/>
                <c:pt idx="0">
                  <c:v>Cambodian</c:v>
                </c:pt>
              </c:strCache>
            </c:strRef>
          </c:tx>
          <c:spPr>
            <a:solidFill>
              <a:schemeClr val="accent1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H$2:$H$7</c:f>
              <c:numCache>
                <c:formatCode>#,##0_);\(#,##0\)</c:formatCode>
                <c:ptCount val="6"/>
                <c:pt idx="0">
                  <c:v>9</c:v>
                </c:pt>
                <c:pt idx="1">
                  <c:v>7</c:v>
                </c:pt>
                <c:pt idx="2">
                  <c:v>14</c:v>
                </c:pt>
                <c:pt idx="3">
                  <c:v>7</c:v>
                </c:pt>
                <c:pt idx="4">
                  <c:v>9</c:v>
                </c:pt>
                <c:pt idx="5">
                  <c:v>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69CA-45E6-BD28-ED4958F315D1}"/>
            </c:ext>
          </c:extLst>
        </c:ser>
        <c:ser>
          <c:idx val="7"/>
          <c:order val="7"/>
          <c:tx>
            <c:strRef>
              <c:f>'Calls Offered Other Lang'!$I$1</c:f>
              <c:strCache>
                <c:ptCount val="1"/>
                <c:pt idx="0">
                  <c:v>Laotian</c:v>
                </c:pt>
              </c:strCache>
            </c:strRef>
          </c:tx>
          <c:spPr>
            <a:solidFill>
              <a:schemeClr val="accent2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I$2:$I$7</c:f>
              <c:numCache>
                <c:formatCode>#,##0_);\(#,##0\)</c:formatCode>
                <c:ptCount val="6"/>
                <c:pt idx="0">
                  <c:v>7</c:v>
                </c:pt>
                <c:pt idx="1">
                  <c:v>7</c:v>
                </c:pt>
                <c:pt idx="2">
                  <c:v>3</c:v>
                </c:pt>
                <c:pt idx="3">
                  <c:v>4</c:v>
                </c:pt>
                <c:pt idx="4">
                  <c:v>6</c:v>
                </c:pt>
                <c:pt idx="5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69CA-45E6-BD28-ED4958F315D1}"/>
            </c:ext>
          </c:extLst>
        </c:ser>
        <c:ser>
          <c:idx val="8"/>
          <c:order val="8"/>
          <c:tx>
            <c:strRef>
              <c:f>'Calls Offered Other Lang'!$J$1</c:f>
              <c:strCache>
                <c:ptCount val="1"/>
                <c:pt idx="0">
                  <c:v>Hmong</c:v>
                </c:pt>
              </c:strCache>
            </c:strRef>
          </c:tx>
          <c:spPr>
            <a:solidFill>
              <a:schemeClr val="accent3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Calls Offered Other Lang'!$A$2:$A$7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 Other Lang'!$J$2:$J$7</c:f>
              <c:numCache>
                <c:formatCode>#,##0_);\(#,##0\)</c:formatCode>
                <c:ptCount val="6"/>
                <c:pt idx="0">
                  <c:v>0</c:v>
                </c:pt>
                <c:pt idx="1">
                  <c:v>1</c:v>
                </c:pt>
                <c:pt idx="2">
                  <c:v>1</c:v>
                </c:pt>
                <c:pt idx="3">
                  <c:v>0</c:v>
                </c:pt>
                <c:pt idx="4">
                  <c:v>0</c:v>
                </c:pt>
                <c:pt idx="5">
                  <c:v>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69CA-45E6-BD28-ED4958F315D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689569952"/>
        <c:axId val="689570432"/>
      </c:barChart>
      <c:catAx>
        <c:axId val="6895699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70432"/>
        <c:crosses val="autoZero"/>
        <c:auto val="1"/>
        <c:lblAlgn val="ctr"/>
        <c:lblOffset val="100"/>
        <c:noMultiLvlLbl val="0"/>
      </c:catAx>
      <c:valAx>
        <c:axId val="6895704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_);\(#,##0\)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6995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Webchats!$B$1</c:f>
              <c:strCache>
                <c:ptCount val="1"/>
                <c:pt idx="0">
                  <c:v>Webchats Handl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Webchats!$A$8:$A$13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Webchats!$B$8:$B$13</c:f>
              <c:numCache>
                <c:formatCode>#,##0</c:formatCode>
                <c:ptCount val="6"/>
                <c:pt idx="0">
                  <c:v>3148</c:v>
                </c:pt>
                <c:pt idx="1">
                  <c:v>3620</c:v>
                </c:pt>
                <c:pt idx="2">
                  <c:v>3697</c:v>
                </c:pt>
                <c:pt idx="3">
                  <c:v>4263</c:v>
                </c:pt>
                <c:pt idx="4">
                  <c:v>11979</c:v>
                </c:pt>
                <c:pt idx="5">
                  <c:v>1265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7EBF-4822-8745-1D2C2220EA69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1582129568"/>
        <c:axId val="1582130528"/>
      </c:barChart>
      <c:catAx>
        <c:axId val="158212956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82130528"/>
        <c:crosses val="autoZero"/>
        <c:auto val="1"/>
        <c:lblAlgn val="ctr"/>
        <c:lblOffset val="100"/>
        <c:noMultiLvlLbl val="0"/>
      </c:catAx>
      <c:valAx>
        <c:axId val="158213052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82129568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Emails!$B$1</c:f>
              <c:strCache>
                <c:ptCount val="1"/>
                <c:pt idx="0">
                  <c:v>Emails Handl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Emails!$A$8:$A$13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Emails!$B$8:$B$13</c:f>
              <c:numCache>
                <c:formatCode>#,##0</c:formatCode>
                <c:ptCount val="6"/>
                <c:pt idx="0">
                  <c:v>1971</c:v>
                </c:pt>
                <c:pt idx="1">
                  <c:v>2051</c:v>
                </c:pt>
                <c:pt idx="2">
                  <c:v>2270</c:v>
                </c:pt>
                <c:pt idx="3">
                  <c:v>2633</c:v>
                </c:pt>
                <c:pt idx="4">
                  <c:v>3165</c:v>
                </c:pt>
                <c:pt idx="5">
                  <c:v>282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1D7-418A-8620-C04B20727387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689572352"/>
        <c:axId val="689571872"/>
      </c:barChart>
      <c:catAx>
        <c:axId val="6895723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71872"/>
        <c:crosses val="autoZero"/>
        <c:auto val="1"/>
        <c:lblAlgn val="ctr"/>
        <c:lblOffset val="100"/>
        <c:noMultiLvlLbl val="0"/>
      </c:catAx>
      <c:valAx>
        <c:axId val="68957187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7235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rms!$B$1</c:f>
              <c:strCache>
                <c:ptCount val="1"/>
                <c:pt idx="0">
                  <c:v>Forms Manually Process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rms!$A$8:$A$13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Forms!$B$8:$B$13</c:f>
              <c:numCache>
                <c:formatCode>#,##0</c:formatCode>
                <c:ptCount val="6"/>
                <c:pt idx="0">
                  <c:v>96089</c:v>
                </c:pt>
                <c:pt idx="1">
                  <c:v>119224</c:v>
                </c:pt>
                <c:pt idx="2">
                  <c:v>92869</c:v>
                </c:pt>
                <c:pt idx="3">
                  <c:v>104336</c:v>
                </c:pt>
                <c:pt idx="4">
                  <c:v>125290</c:v>
                </c:pt>
                <c:pt idx="5">
                  <c:v>9870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7E45-4725-85BC-C9B88A1D6681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737305408"/>
        <c:axId val="737305888"/>
      </c:barChart>
      <c:catAx>
        <c:axId val="73730540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737305888"/>
        <c:crosses val="autoZero"/>
        <c:auto val="1"/>
        <c:lblAlgn val="ctr"/>
        <c:lblOffset val="100"/>
        <c:noMultiLvlLbl val="0"/>
      </c:catAx>
      <c:valAx>
        <c:axId val="73730588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737305408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6"/>
    </mc:Choice>
    <mc:Fallback>
      <c:style val="6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'Application Form Summary-Enrol'!$B$1</c:f>
              <c:strCache>
                <c:ptCount val="1"/>
                <c:pt idx="0">
                  <c:v>Enrollment Forms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Application Form Summary-Enrol'!$A$2:$A$4</c:f>
              <c:strCache>
                <c:ptCount val="3"/>
                <c:pt idx="0">
                  <c:v>Portal</c:v>
                </c:pt>
                <c:pt idx="1">
                  <c:v>Mail</c:v>
                </c:pt>
                <c:pt idx="2">
                  <c:v>SPIA</c:v>
                </c:pt>
              </c:strCache>
            </c:strRef>
          </c:cat>
          <c:val>
            <c:numRef>
              <c:f>'Application Form Summary-Enrol'!$B$2:$B$4</c:f>
              <c:numCache>
                <c:formatCode>#,##0</c:formatCode>
                <c:ptCount val="3"/>
                <c:pt idx="0">
                  <c:v>2393</c:v>
                </c:pt>
                <c:pt idx="1">
                  <c:v>4953</c:v>
                </c:pt>
                <c:pt idx="2">
                  <c:v>91805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6BF-44BE-93A5-734D78D751FB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843583728"/>
        <c:axId val="1843583248"/>
      </c:barChart>
      <c:catAx>
        <c:axId val="1843583728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43583248"/>
        <c:crosses val="autoZero"/>
        <c:auto val="1"/>
        <c:lblAlgn val="ctr"/>
        <c:lblOffset val="100"/>
        <c:noMultiLvlLbl val="0"/>
      </c:catAx>
      <c:valAx>
        <c:axId val="1843583248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43583728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6"/>
    </mc:Choice>
    <mc:Fallback>
      <c:style val="6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'Renewal App'!$B$1</c:f>
              <c:strCache>
                <c:ptCount val="1"/>
                <c:pt idx="0">
                  <c:v># Renewal Applications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Renewal App'!$A$2:$A$7</c:f>
              <c:strCache>
                <c:ptCount val="6"/>
                <c:pt idx="0">
                  <c:v>Interactive Voice Response (IVR)</c:v>
                </c:pt>
                <c:pt idx="1">
                  <c:v>SPIA</c:v>
                </c:pt>
                <c:pt idx="2">
                  <c:v>Call Center (CSR-assisted)</c:v>
                </c:pt>
                <c:pt idx="3">
                  <c:v>Portal</c:v>
                </c:pt>
                <c:pt idx="4">
                  <c:v>Mail</c:v>
                </c:pt>
                <c:pt idx="5">
                  <c:v>System (CalFresh Confirm Database Matches)</c:v>
                </c:pt>
              </c:strCache>
            </c:strRef>
          </c:cat>
          <c:val>
            <c:numRef>
              <c:f>'Renewal App'!$B$2:$B$7</c:f>
              <c:numCache>
                <c:formatCode>#,##0</c:formatCode>
                <c:ptCount val="6"/>
                <c:pt idx="0">
                  <c:v>8775</c:v>
                </c:pt>
                <c:pt idx="1">
                  <c:v>16686</c:v>
                </c:pt>
                <c:pt idx="2">
                  <c:v>20304</c:v>
                </c:pt>
                <c:pt idx="3">
                  <c:v>41300</c:v>
                </c:pt>
                <c:pt idx="4">
                  <c:v>44345</c:v>
                </c:pt>
                <c:pt idx="5">
                  <c:v>48146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7CA-43FE-8B74-E6D4F7FF3C4C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4843472"/>
        <c:axId val="14846832"/>
      </c:barChart>
      <c:catAx>
        <c:axId val="1484347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4846832"/>
        <c:crosses val="autoZero"/>
        <c:auto val="1"/>
        <c:lblAlgn val="ctr"/>
        <c:lblOffset val="100"/>
        <c:noMultiLvlLbl val="0"/>
      </c:catAx>
      <c:valAx>
        <c:axId val="14846832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484347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6"/>
    </mc:Choice>
    <mc:Fallback>
      <c:style val="6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2384162065374559"/>
          <c:y val="5.7184563040731017E-2"/>
          <c:w val="0.5243265866934419"/>
          <c:h val="0.92750263326528049"/>
        </c:manualLayout>
      </c:layout>
      <c:doughnutChart>
        <c:varyColors val="1"/>
        <c:ser>
          <c:idx val="0"/>
          <c:order val="0"/>
          <c:tx>
            <c:strRef>
              <c:f>Sheet1!$F$1</c:f>
              <c:strCache>
                <c:ptCount val="1"/>
                <c:pt idx="0">
                  <c:v>Percent of Total</c:v>
                </c:pt>
              </c:strCache>
            </c:strRef>
          </c:tx>
          <c:dPt>
            <c:idx val="0"/>
            <c:bubble3D val="0"/>
            <c:spPr>
              <a:solidFill>
                <a:schemeClr val="accent4">
                  <a:shade val="76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5C12-4DC9-A35E-D2468F40446E}"/>
              </c:ext>
            </c:extLst>
          </c:dPt>
          <c:dPt>
            <c:idx val="1"/>
            <c:bubble3D val="0"/>
            <c:spPr>
              <a:solidFill>
                <a:schemeClr val="accent4">
                  <a:tint val="77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5C12-4DC9-A35E-D2468F40446E}"/>
              </c:ext>
            </c:extLst>
          </c:dPt>
          <c:dLbls>
            <c:spPr>
              <a:solidFill>
                <a:sysClr val="window" lastClr="FFFFFF"/>
              </a:solidFill>
              <a:ln>
                <a:solidFill>
                  <a:sysClr val="windowText" lastClr="000000">
                    <a:lumMod val="25000"/>
                    <a:lumOff val="75000"/>
                  </a:sysClr>
                </a:solidFill>
              </a:ln>
              <a:effectLst/>
            </c:spPr>
            <c:txPr>
              <a:bodyPr rot="0" spcFirstLastPara="1" vertOverflow="clip" horzOverflow="clip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chemeClr val="dk1">
                        <a:lumMod val="65000"/>
                        <a:lumOff val="3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showLegendKey val="0"/>
            <c:showVal val="0"/>
            <c:showCatName val="1"/>
            <c:showSerName val="0"/>
            <c:showPercent val="1"/>
            <c:showBubbleSize val="0"/>
            <c:showLeaderLines val="0"/>
            <c:extLst>
              <c:ext xmlns:c15="http://schemas.microsoft.com/office/drawing/2012/chart" uri="{CE6537A1-D6FC-4f65-9D91-7224C49458BB}">
                <c15:spPr xmlns:c15="http://schemas.microsoft.com/office/drawing/2012/chart">
                  <a:prstGeom prst="wedgeRectCallout">
                    <a:avLst/>
                  </a:prstGeom>
                  <a:noFill/>
                  <a:ln>
                    <a:noFill/>
                  </a:ln>
                </c15:spPr>
              </c:ext>
            </c:extLst>
          </c:dLbls>
          <c:cat>
            <c:strRef>
              <c:f>Sheet1!$E$2:$E$3</c:f>
              <c:strCache>
                <c:ptCount val="2"/>
                <c:pt idx="0">
                  <c:v>Program</c:v>
                </c:pt>
                <c:pt idx="1">
                  <c:v>Income</c:v>
                </c:pt>
              </c:strCache>
            </c:strRef>
          </c:cat>
          <c:val>
            <c:numRef>
              <c:f>Sheet1!$F$2:$F$3</c:f>
              <c:numCache>
                <c:formatCode>0.0%</c:formatCode>
                <c:ptCount val="2"/>
                <c:pt idx="0">
                  <c:v>0.9147662134917196</c:v>
                </c:pt>
                <c:pt idx="1">
                  <c:v>8.5233786508280437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5C12-4DC9-A35E-D2468F40446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5"/>
      </c:doughnut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1.7150620206727255E-2"/>
          <c:y val="0.46529721869469071"/>
          <c:w val="0.22227969363011355"/>
          <c:h val="4.680734908136483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4150971524039721"/>
          <c:y val="2.3579849946409433E-2"/>
          <c:w val="0.50580680239828779"/>
          <c:h val="0.86361225747103154"/>
        </c:manualLayout>
      </c:layout>
      <c:pieChart>
        <c:varyColors val="1"/>
        <c:ser>
          <c:idx val="0"/>
          <c:order val="0"/>
          <c:tx>
            <c:strRef>
              <c:f>Programs!$H$1</c:f>
              <c:strCache>
                <c:ptCount val="1"/>
                <c:pt idx="0">
                  <c:v>% of Total</c:v>
                </c:pt>
              </c:strCache>
            </c:strRef>
          </c:tx>
          <c:dPt>
            <c:idx val="0"/>
            <c:bubble3D val="0"/>
            <c:spPr>
              <a:solidFill>
                <a:srgbClr val="9F7FC9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6859-4007-8587-B6CDF8A08EDA}"/>
              </c:ext>
            </c:extLst>
          </c:dPt>
          <c:dPt>
            <c:idx val="1"/>
            <c:bubble3D val="0"/>
            <c:spPr>
              <a:solidFill>
                <a:srgbClr val="9F7FC9">
                  <a:lumMod val="40000"/>
                  <a:lumOff val="60000"/>
                </a:srgb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6859-4007-8587-B6CDF8A08EDA}"/>
              </c:ext>
            </c:extLst>
          </c:dPt>
          <c:dPt>
            <c:idx val="2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6859-4007-8587-B6CDF8A08EDA}"/>
              </c:ext>
            </c:extLst>
          </c:dPt>
          <c:dPt>
            <c:idx val="3"/>
            <c:bubble3D val="0"/>
            <c:spPr>
              <a:solidFill>
                <a:schemeClr val="accent6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6859-4007-8587-B6CDF8A08EDA}"/>
              </c:ext>
            </c:extLst>
          </c:dPt>
          <c:dPt>
            <c:idx val="4"/>
            <c:bubble3D val="0"/>
            <c:spPr>
              <a:solidFill>
                <a:schemeClr val="accent5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6859-4007-8587-B6CDF8A08EDA}"/>
              </c:ext>
            </c:extLst>
          </c:dPt>
          <c:dPt>
            <c:idx val="5"/>
            <c:bubble3D val="0"/>
            <c:spPr>
              <a:solidFill>
                <a:schemeClr val="accent4">
                  <a:lumMod val="6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6859-4007-8587-B6CDF8A08EDA}"/>
              </c:ext>
            </c:extLst>
          </c:dPt>
          <c:dLbls>
            <c:dLbl>
              <c:idx val="0"/>
              <c:layout>
                <c:manualLayout>
                  <c:x val="-7.4163342576528124E-2"/>
                  <c:y val="-0.2687764094762306"/>
                </c:manualLayout>
              </c:layout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6859-4007-8587-B6CDF8A08EDA}"/>
                </c:ext>
              </c:extLst>
            </c:dLbl>
            <c:dLbl>
              <c:idx val="1"/>
              <c:layout>
                <c:manualLayout>
                  <c:x val="0.10138652866131846"/>
                  <c:y val="0.11718687252866238"/>
                </c:manualLayout>
              </c:layout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6859-4007-8587-B6CDF8A08EDA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bestFit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Programs!$G$2:$G$7</c:f>
              <c:strCache>
                <c:ptCount val="6"/>
                <c:pt idx="0">
                  <c:v>CalFresh (SNAP)</c:v>
                </c:pt>
                <c:pt idx="1">
                  <c:v>Medi-Cal (Medicaid)</c:v>
                </c:pt>
                <c:pt idx="2">
                  <c:v>Supplemental Security Income (SSI)</c:v>
                </c:pt>
                <c:pt idx="3">
                  <c:v>Special Supplemental Nutrition Program for Women, Infants, and Children (WIC)</c:v>
                </c:pt>
                <c:pt idx="4">
                  <c:v>Federal Housing Assistance </c:v>
                </c:pt>
                <c:pt idx="5">
                  <c:v>Others</c:v>
                </c:pt>
              </c:strCache>
            </c:strRef>
          </c:cat>
          <c:val>
            <c:numRef>
              <c:f>Programs!$H$2:$H$7</c:f>
              <c:numCache>
                <c:formatCode>0.0%</c:formatCode>
                <c:ptCount val="6"/>
                <c:pt idx="0">
                  <c:v>0.77851245531870483</c:v>
                </c:pt>
                <c:pt idx="1">
                  <c:v>0.20148654995173115</c:v>
                </c:pt>
                <c:pt idx="2">
                  <c:v>1.009935880710726E-2</c:v>
                </c:pt>
                <c:pt idx="3">
                  <c:v>6.653680825527696E-3</c:v>
                </c:pt>
                <c:pt idx="4">
                  <c:v>1.1048020977378872E-3</c:v>
                </c:pt>
                <c:pt idx="5">
                  <c:v>2.1431529991911705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6859-4007-8587-B6CDF8A08ED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1.1513659662598673E-2"/>
          <c:y val="0.21982442795172796"/>
          <c:w val="0.40321238093825845"/>
          <c:h val="0.56025605887835328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1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6"/>
    </mc:Choice>
    <mc:Fallback>
      <c:style val="6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5609951881014872"/>
          <c:y val="5.6214324859595592E-2"/>
          <c:w val="0.71911570428696414"/>
          <c:h val="0.84178572327668655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Renewal!$B$1</c:f>
              <c:strCache>
                <c:ptCount val="1"/>
                <c:pt idx="0">
                  <c:v># Denied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Renewal!$A$2:$A$6</c:f>
              <c:strCache>
                <c:ptCount val="5"/>
                <c:pt idx="0">
                  <c:v>22-17</c:v>
                </c:pt>
                <c:pt idx="1">
                  <c:v>21-13</c:v>
                </c:pt>
                <c:pt idx="2">
                  <c:v>24-9</c:v>
                </c:pt>
                <c:pt idx="3">
                  <c:v>24-8</c:v>
                </c:pt>
                <c:pt idx="4">
                  <c:v>22-15</c:v>
                </c:pt>
              </c:strCache>
            </c:strRef>
          </c:cat>
          <c:val>
            <c:numRef>
              <c:f>Renewal!$B$2:$B$6</c:f>
              <c:numCache>
                <c:formatCode>#,##0</c:formatCode>
                <c:ptCount val="5"/>
                <c:pt idx="0">
                  <c:v>2700</c:v>
                </c:pt>
                <c:pt idx="1">
                  <c:v>2727</c:v>
                </c:pt>
                <c:pt idx="2">
                  <c:v>21850</c:v>
                </c:pt>
                <c:pt idx="3">
                  <c:v>189208</c:v>
                </c:pt>
                <c:pt idx="4">
                  <c:v>24854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C1D-465B-BA41-3F6C0F6BF69F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56892911"/>
        <c:axId val="56890511"/>
      </c:barChart>
      <c:catAx>
        <c:axId val="56892911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56890511"/>
        <c:crosses val="autoZero"/>
        <c:auto val="1"/>
        <c:lblAlgn val="ctr"/>
        <c:lblOffset val="100"/>
        <c:noMultiLvlLbl val="0"/>
      </c:catAx>
      <c:valAx>
        <c:axId val="56890511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5689291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6"/>
    </mc:Choice>
    <mc:Fallback>
      <c:style val="6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IEH!$B$1</c:f>
              <c:strCache>
                <c:ptCount val="1"/>
                <c:pt idx="0">
                  <c:v># Standalone Household Worksheets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IEH!$A$2:$A$5</c:f>
              <c:strCache>
                <c:ptCount val="4"/>
                <c:pt idx="0">
                  <c:v>Mail</c:v>
                </c:pt>
                <c:pt idx="1">
                  <c:v>Call Center (CSR-assisted)</c:v>
                </c:pt>
                <c:pt idx="2">
                  <c:v>Portal</c:v>
                </c:pt>
                <c:pt idx="3">
                  <c:v>SPIA</c:v>
                </c:pt>
              </c:strCache>
            </c:strRef>
          </c:cat>
          <c:val>
            <c:numRef>
              <c:f>IEH!$B$2:$B$5</c:f>
              <c:numCache>
                <c:formatCode>#,##0</c:formatCode>
                <c:ptCount val="4"/>
                <c:pt idx="0">
                  <c:v>1255</c:v>
                </c:pt>
                <c:pt idx="1">
                  <c:v>1751</c:v>
                </c:pt>
                <c:pt idx="2">
                  <c:v>7275</c:v>
                </c:pt>
                <c:pt idx="3">
                  <c:v>26991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276-4497-8867-3D82ADC1F11A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69159871"/>
        <c:axId val="69156991"/>
      </c:barChart>
      <c:catAx>
        <c:axId val="69159871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9156991"/>
        <c:crosses val="autoZero"/>
        <c:auto val="1"/>
        <c:lblAlgn val="ctr"/>
        <c:lblOffset val="100"/>
        <c:noMultiLvlLbl val="0"/>
      </c:catAx>
      <c:valAx>
        <c:axId val="69156991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915987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Calls Offered'!$B$1</c:f>
              <c:strCache>
                <c:ptCount val="1"/>
                <c:pt idx="0">
                  <c:v>Calls Offer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Calls Offered'!$A$8:$A$13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Offered'!$B$8:$B$13</c:f>
              <c:numCache>
                <c:formatCode>#,##0</c:formatCode>
                <c:ptCount val="6"/>
                <c:pt idx="0">
                  <c:v>37914</c:v>
                </c:pt>
                <c:pt idx="1">
                  <c:v>42076</c:v>
                </c:pt>
                <c:pt idx="2">
                  <c:v>45042</c:v>
                </c:pt>
                <c:pt idx="3">
                  <c:v>50308</c:v>
                </c:pt>
                <c:pt idx="4">
                  <c:v>69470</c:v>
                </c:pt>
                <c:pt idx="5">
                  <c:v>6416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AE2-4338-99A4-FA0BF849B7BA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689569952"/>
        <c:axId val="689570432"/>
      </c:barChart>
      <c:catAx>
        <c:axId val="68956995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70432"/>
        <c:crosses val="autoZero"/>
        <c:auto val="1"/>
        <c:lblAlgn val="ctr"/>
        <c:lblOffset val="100"/>
        <c:noMultiLvlLbl val="0"/>
      </c:catAx>
      <c:valAx>
        <c:axId val="6895704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8956995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Calls ASA'!$B$1</c:f>
              <c:strCache>
                <c:ptCount val="1"/>
                <c:pt idx="0">
                  <c:v>Average Seconds to Answer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Calls ASA'!$A$8:$A$13</c:f>
              <c:strCache>
                <c:ptCount val="6"/>
                <c:pt idx="0">
                  <c:v>JUN 2025</c:v>
                </c:pt>
                <c:pt idx="1">
                  <c:v>JUL 2025</c:v>
                </c:pt>
                <c:pt idx="2">
                  <c:v>AUG 2025</c:v>
                </c:pt>
                <c:pt idx="3">
                  <c:v>SEP 2025</c:v>
                </c:pt>
                <c:pt idx="4">
                  <c:v>OCT 2025</c:v>
                </c:pt>
                <c:pt idx="5">
                  <c:v>NOV 2025</c:v>
                </c:pt>
              </c:strCache>
            </c:strRef>
          </c:cat>
          <c:val>
            <c:numRef>
              <c:f>'Calls ASA'!$B$8:$B$13</c:f>
              <c:numCache>
                <c:formatCode>#,##0.00</c:formatCode>
                <c:ptCount val="6"/>
                <c:pt idx="0">
                  <c:v>25</c:v>
                </c:pt>
                <c:pt idx="1">
                  <c:v>12</c:v>
                </c:pt>
                <c:pt idx="2">
                  <c:v>19</c:v>
                </c:pt>
                <c:pt idx="3">
                  <c:v>28</c:v>
                </c:pt>
                <c:pt idx="4">
                  <c:v>82</c:v>
                </c:pt>
                <c:pt idx="5">
                  <c:v>18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5B8-44BB-B1C6-40F14ED87A94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1528547984"/>
        <c:axId val="1528546064"/>
      </c:barChart>
      <c:catAx>
        <c:axId val="152854798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28546064"/>
        <c:crosses val="autoZero"/>
        <c:auto val="1"/>
        <c:lblAlgn val="ctr"/>
        <c:lblOffset val="100"/>
        <c:noMultiLvlLbl val="0"/>
      </c:catAx>
      <c:valAx>
        <c:axId val="15285460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1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28547984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withinLinear" id="17">
  <a:schemeClr val="accent4"/>
</cs:colorStyle>
</file>

<file path=ppt/charts/colors3.xml><?xml version="1.0" encoding="utf-8"?>
<cs:colorStyle xmlns:cs="http://schemas.microsoft.com/office/drawing/2012/chartStyle" xmlns:a="http://schemas.openxmlformats.org/drawingml/2006/main" meth="withinLinear" id="17">
  <a:schemeClr val="accent4"/>
</cs:colorStyle>
</file>

<file path=ppt/charts/colors4.xml><?xml version="1.0" encoding="utf-8"?>
<cs:colorStyle xmlns:cs="http://schemas.microsoft.com/office/drawing/2012/chartStyle" xmlns:a="http://schemas.openxmlformats.org/drawingml/2006/main" meth="withinLinear" id="17">
  <a:schemeClr val="accent4"/>
</cs:colorStyle>
</file>

<file path=ppt/charts/colors5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withinLinear" id="17">
  <a:schemeClr val="accent4"/>
</cs:colorStyle>
</file>

<file path=ppt/charts/colors7.xml><?xml version="1.0" encoding="utf-8"?>
<cs:colorStyle xmlns:cs="http://schemas.microsoft.com/office/drawing/2012/chartStyle" xmlns:a="http://schemas.openxmlformats.org/drawingml/2006/main" meth="withinLinear" id="17">
  <a:schemeClr val="accent4"/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3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4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12/9/2025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12/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735013" y="1173163"/>
            <a:ext cx="5629275" cy="316706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192" tIns="47096" rIns="94192" bIns="47096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0" y="4516676"/>
            <a:ext cx="5679440" cy="3695462"/>
          </a:xfrm>
          <a:prstGeom prst="rect">
            <a:avLst/>
          </a:prstGeom>
        </p:spPr>
        <p:txBody>
          <a:bodyPr vert="horz" lIns="94192" tIns="47096" rIns="94192" bIns="47096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image" Target="../media/image1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4" Type="http://schemas.openxmlformats.org/officeDocument/2006/relationships/chart" Target="../charts/chart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32.xml"/><Relationship Id="rId7" Type="http://schemas.openxmlformats.org/officeDocument/2006/relationships/image" Target="../media/image8.sv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6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4.xml"/><Relationship Id="rId4" Type="http://schemas.openxmlformats.org/officeDocument/2006/relationships/chart" Target="../charts/chart2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66.xml"/><Relationship Id="rId4" Type="http://schemas.openxmlformats.org/officeDocument/2006/relationships/chart" Target="../charts/char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68.xml"/><Relationship Id="rId4" Type="http://schemas.openxmlformats.org/officeDocument/2006/relationships/chart" Target="../charts/chart4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70.xml"/><Relationship Id="rId4" Type="http://schemas.openxmlformats.org/officeDocument/2006/relationships/chart" Target="../charts/chart5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72.xml"/><Relationship Id="rId4" Type="http://schemas.openxmlformats.org/officeDocument/2006/relationships/image" Target="../media/image12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5.xml"/><Relationship Id="rId1" Type="http://schemas.openxmlformats.org/officeDocument/2006/relationships/customXml" Target="../../customXml/item74.xml"/><Relationship Id="rId4" Type="http://schemas.openxmlformats.org/officeDocument/2006/relationships/chart" Target="../charts/chart6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7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78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80.xml"/><Relationship Id="rId4" Type="http://schemas.openxmlformats.org/officeDocument/2006/relationships/chart" Target="../charts/chart7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82.xml"/><Relationship Id="rId4" Type="http://schemas.openxmlformats.org/officeDocument/2006/relationships/chart" Target="../charts/chart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84.xml"/><Relationship Id="rId4" Type="http://schemas.openxmlformats.org/officeDocument/2006/relationships/chart" Target="../charts/chart9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86.xml"/><Relationship Id="rId4" Type="http://schemas.openxmlformats.org/officeDocument/2006/relationships/chart" Target="../charts/chart10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88.xml"/><Relationship Id="rId4" Type="http://schemas.openxmlformats.org/officeDocument/2006/relationships/chart" Target="../charts/chart11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90.xml"/><Relationship Id="rId4" Type="http://schemas.openxmlformats.org/officeDocument/2006/relationships/chart" Target="../charts/chart12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92.xml"/><Relationship Id="rId4" Type="http://schemas.openxmlformats.org/officeDocument/2006/relationships/chart" Target="../charts/chart13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94.xml"/><Relationship Id="rId4" Type="http://schemas.openxmlformats.org/officeDocument/2006/relationships/chart" Target="../charts/chart14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7.xml"/><Relationship Id="rId1" Type="http://schemas.openxmlformats.org/officeDocument/2006/relationships/customXml" Target="../../customXml/item9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4" y="2194587"/>
            <a:ext cx="6859157" cy="2247446"/>
          </a:xfrm>
        </p:spPr>
        <p:txBody>
          <a:bodyPr/>
          <a:lstStyle/>
          <a:p>
            <a:r>
              <a:rPr lang="en-US" dirty="0"/>
              <a:t>California LifeLine Third Party Administrator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the ULTS Administrative 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December 9, 2025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649620" y="1259175"/>
            <a:ext cx="10136777" cy="43396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ustomer Portal – Registered Us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Household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Gend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Rac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Asian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Pacific Islander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sponse &amp; Approval Rates – All Form Types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Application Volume by Received Channel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Form Volume by Received Channel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Program Versus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By Qualifying Progra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5795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774443" y="1186039"/>
            <a:ext cx="10136777" cy="523220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Enrollment Applications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Renewal Forms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Rate – Renewal Processes Starting September 6, 2024, through September 5,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Fresh Confirm Match Rates – Renewal Processes Starting September 6, 2024, through September 5,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tandalone Household Worksheet Volume by Received Channel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Calls Offered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Average Seconds to Answer (ASA)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English &amp; Spanish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Other Supported Spoken Languages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Webchats Handled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Emails Handled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Forms Manually Processed – June 2025 through November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47099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pPr algn="ctr"/>
            <a:r>
              <a:rPr lang="en-US" sz="28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>
              <a:solidFill>
                <a:srgbClr val="502E91"/>
              </a:solidFill>
            </a:endParaRP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793184" y="1616516"/>
            <a:ext cx="5064691" cy="1671740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b="1" dirty="0">
                <a:solidFill>
                  <a:schemeClr val="tx2"/>
                </a:solidFill>
              </a:rPr>
              <a:t>Active LifeLine Subscribers – December 1, 2025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782,086</a:t>
            </a:r>
          </a:p>
          <a:p>
            <a:pPr marL="742950" lvl="2" indent="-285750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ess: 1,698,374</a:t>
            </a:r>
          </a:p>
          <a:p>
            <a:pPr marL="742950" lvl="2" indent="-285750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ine:  83,712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793184" y="3813809"/>
            <a:ext cx="5064691" cy="16717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b="1" dirty="0">
                <a:solidFill>
                  <a:schemeClr val="tx2"/>
                </a:solidFill>
              </a:rPr>
              <a:t>Active LifeLine Subscribers – September 1, 2025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801,008</a:t>
            </a:r>
          </a:p>
          <a:p>
            <a:pPr marL="742950" lvl="2" indent="-285750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ess: 1,711,739</a:t>
            </a:r>
          </a:p>
          <a:p>
            <a:pPr marL="742950" lvl="2" indent="-285750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</a:rPr>
              <a:t>Wireline:  89,269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8EB3BB8-C13D-F764-002F-4E6EFD2D8CEB}"/>
              </a:ext>
            </a:extLst>
          </p:cNvPr>
          <p:cNvSpPr txBox="1"/>
          <p:nvPr/>
        </p:nvSpPr>
        <p:spPr>
          <a:xfrm>
            <a:off x="6403882" y="3288256"/>
            <a:ext cx="402336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b="1" dirty="0">
                <a:solidFill>
                  <a:srgbClr val="CA5C28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05% decrease of total subscribers</a:t>
            </a:r>
            <a:endParaRPr lang="en-US" sz="1600" b="1" dirty="0">
              <a:solidFill>
                <a:srgbClr val="CA5C28"/>
              </a:solidFill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9125" y="469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+mn-lt"/>
              </a:rPr>
              <a:t>Program Participation – Active LifeLine Subscribers - Trend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8FD39E0-8CC6-04CD-8A31-833FF244597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88372" y="825600"/>
            <a:ext cx="9615255" cy="53949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413450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9280" y="487821"/>
            <a:ext cx="8473440" cy="1138773"/>
          </a:xfrm>
        </p:spPr>
        <p:txBody>
          <a:bodyPr wrap="square" anchor="ctr">
            <a:norm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US" sz="2800" dirty="0"/>
              <a:t>Active Subscribers</a:t>
            </a:r>
            <a:br>
              <a:rPr lang="en-US" sz="2800" dirty="0"/>
            </a:br>
            <a:r>
              <a:rPr lang="en-US" sz="2800" dirty="0"/>
              <a:t>Top 5 Service Providers By Subscriber Count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7A54482-44D8-12D6-C35A-BD3C3E72466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40099754"/>
              </p:ext>
            </p:extLst>
          </p:nvPr>
        </p:nvGraphicFramePr>
        <p:xfrm>
          <a:off x="1659255" y="1634351"/>
          <a:ext cx="8473440" cy="4082032"/>
        </p:xfrm>
        <a:graphic>
          <a:graphicData uri="http://schemas.openxmlformats.org/drawingml/2006/table">
            <a:tbl>
              <a:tblPr firstRow="1" bandRow="1"/>
              <a:tblGrid>
                <a:gridCol w="5464181">
                  <a:extLst>
                    <a:ext uri="{9D8B030D-6E8A-4147-A177-3AD203B41FA5}">
                      <a16:colId xmlns:a16="http://schemas.microsoft.com/office/drawing/2014/main" val="2862637973"/>
                    </a:ext>
                  </a:extLst>
                </a:gridCol>
                <a:gridCol w="3009259">
                  <a:extLst>
                    <a:ext uri="{9D8B030D-6E8A-4147-A177-3AD203B41FA5}">
                      <a16:colId xmlns:a16="http://schemas.microsoft.com/office/drawing/2014/main" val="3578107270"/>
                    </a:ext>
                  </a:extLst>
                </a:gridCol>
              </a:tblGrid>
              <a:tr h="37573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9704999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65,16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8192952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Verizon Value, Inc. fka Tracfone Wireless, Inc.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37,47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6178845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marL="0" marR="0" lvl="0" indent="0" algn="l" defTabSz="914400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meriMex dba SafetyNet Wireless</a:t>
                      </a:r>
                    </a:p>
                    <a:p>
                      <a:pPr algn="l" rtl="0" fontAlgn="ctr"/>
                      <a:endParaRPr lang="en-US" sz="1600" b="0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79,59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8177043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4,99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29384741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Gen Mobi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5,9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43018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985909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Active Subscriber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Top 5 Service Providers by Subscriber Count and by Technology</a:t>
            </a:r>
            <a:endParaRPr lang="en-US" sz="2800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7E5CBA67-2406-FE2C-27FF-7620273D42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61290092"/>
              </p:ext>
            </p:extLst>
          </p:nvPr>
        </p:nvGraphicFramePr>
        <p:xfrm>
          <a:off x="457200" y="1637115"/>
          <a:ext cx="5360489" cy="3441700"/>
        </p:xfrm>
        <a:graphic>
          <a:graphicData uri="http://schemas.openxmlformats.org/drawingml/2006/table">
            <a:tbl>
              <a:tblPr/>
              <a:tblGrid>
                <a:gridCol w="3429076">
                  <a:extLst>
                    <a:ext uri="{9D8B030D-6E8A-4147-A177-3AD203B41FA5}">
                      <a16:colId xmlns:a16="http://schemas.microsoft.com/office/drawing/2014/main" val="1942017412"/>
                    </a:ext>
                  </a:extLst>
                </a:gridCol>
                <a:gridCol w="1931413">
                  <a:extLst>
                    <a:ext uri="{9D8B030D-6E8A-4147-A177-3AD203B41FA5}">
                      <a16:colId xmlns:a16="http://schemas.microsoft.com/office/drawing/2014/main" val="1457857602"/>
                    </a:ext>
                  </a:extLst>
                </a:gridCol>
              </a:tblGrid>
              <a:tr h="6477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ess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1088092"/>
                  </a:ext>
                </a:extLst>
              </a:tr>
              <a:tr h="2571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174850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65,16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357001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Verizon Value, Inc. fka Tracfone Wireless, Inc.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37,47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53751509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meriMex dba SafetyNet Wireless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79,59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867775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marL="0" marR="0" lvl="0" indent="0" algn="l" defTabSz="914400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4,99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4565226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Gen Mobi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5,9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2610778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9CAEA7A1-BBB0-EF35-56F7-F62957FD35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0867084"/>
              </p:ext>
            </p:extLst>
          </p:nvPr>
        </p:nvGraphicFramePr>
        <p:xfrm>
          <a:off x="6096000" y="1648296"/>
          <a:ext cx="5360489" cy="3430522"/>
        </p:xfrm>
        <a:graphic>
          <a:graphicData uri="http://schemas.openxmlformats.org/drawingml/2006/table">
            <a:tbl>
              <a:tblPr firstRow="1" bandRow="1"/>
              <a:tblGrid>
                <a:gridCol w="3429077">
                  <a:extLst>
                    <a:ext uri="{9D8B030D-6E8A-4147-A177-3AD203B41FA5}">
                      <a16:colId xmlns:a16="http://schemas.microsoft.com/office/drawing/2014/main" val="1051921385"/>
                    </a:ext>
                  </a:extLst>
                </a:gridCol>
                <a:gridCol w="1931412">
                  <a:extLst>
                    <a:ext uri="{9D8B030D-6E8A-4147-A177-3AD203B41FA5}">
                      <a16:colId xmlns:a16="http://schemas.microsoft.com/office/drawing/2014/main" val="1784160826"/>
                    </a:ext>
                  </a:extLst>
                </a:gridCol>
              </a:tblGrid>
              <a:tr h="625982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ine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6149793"/>
                  </a:ext>
                </a:extLst>
              </a:tr>
              <a:tr h="25814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  <a:endParaRPr lang="en-US" sz="15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21867119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Pacific Bell dba AT&amp;T California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52,1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6172855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Frontier Communications dba Frontier CA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13,0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9129330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harter Communications dba Time Warner Cab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6,2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6424782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ox Communication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3,68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3522512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onnectTo Communications, Inc.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2,21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2408156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788542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299973"/>
            <a:ext cx="11277600" cy="1014478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Active Subscriber By Funding Type 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June 2025 through November 2025</a:t>
            </a:r>
            <a:endParaRPr lang="en-US" sz="2800" dirty="0"/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372A5C5B-ACB8-E62B-D67E-2C87F921B3D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39234222"/>
              </p:ext>
            </p:extLst>
          </p:nvPr>
        </p:nvGraphicFramePr>
        <p:xfrm>
          <a:off x="628650" y="1648295"/>
          <a:ext cx="10953749" cy="413385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923533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142706"/>
            <a:ext cx="12653554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b="0" i="0" kern="1200" dirty="0"/>
              <a:t>Active Subscribers - Top 20 State Senate Districts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3C0A1E7-EEF8-A4B5-AE56-3435D6C1996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7771682"/>
              </p:ext>
            </p:extLst>
          </p:nvPr>
        </p:nvGraphicFramePr>
        <p:xfrm>
          <a:off x="874204" y="799438"/>
          <a:ext cx="4835864" cy="5562290"/>
        </p:xfrm>
        <a:graphic>
          <a:graphicData uri="http://schemas.openxmlformats.org/drawingml/2006/table">
            <a:tbl>
              <a:tblPr/>
              <a:tblGrid>
                <a:gridCol w="2417932">
                  <a:extLst>
                    <a:ext uri="{9D8B030D-6E8A-4147-A177-3AD203B41FA5}">
                      <a16:colId xmlns:a16="http://schemas.microsoft.com/office/drawing/2014/main" val="1380759739"/>
                    </a:ext>
                  </a:extLst>
                </a:gridCol>
                <a:gridCol w="2417932">
                  <a:extLst>
                    <a:ext uri="{9D8B030D-6E8A-4147-A177-3AD203B41FA5}">
                      <a16:colId xmlns:a16="http://schemas.microsoft.com/office/drawing/2014/main" val="1773020423"/>
                    </a:ext>
                  </a:extLst>
                </a:gridCol>
              </a:tblGrid>
              <a:tr h="1889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2919" marR="2919" marT="2919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48425315"/>
                  </a:ext>
                </a:extLst>
              </a:tr>
              <a:tr h="2482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2296601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,66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7132976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6,54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185781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,22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58224487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,1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6524630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2,4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43781519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,48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140182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7,9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750092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,4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780848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2,79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9100371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0,9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55613920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,5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8396097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7,04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5731553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5,03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11872546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,25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7057415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8,0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7170661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,75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3199640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4,1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90719515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,89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0836376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44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8988461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25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6283390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FC955C42-9E66-8CC9-3C3B-4369EB580F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59938410"/>
              </p:ext>
            </p:extLst>
          </p:nvPr>
        </p:nvGraphicFramePr>
        <p:xfrm>
          <a:off x="6326777" y="799438"/>
          <a:ext cx="4551938" cy="5572962"/>
        </p:xfrm>
        <a:graphic>
          <a:graphicData uri="http://schemas.openxmlformats.org/drawingml/2006/table">
            <a:tbl>
              <a:tblPr/>
              <a:tblGrid>
                <a:gridCol w="2275969">
                  <a:extLst>
                    <a:ext uri="{9D8B030D-6E8A-4147-A177-3AD203B41FA5}">
                      <a16:colId xmlns:a16="http://schemas.microsoft.com/office/drawing/2014/main" val="2601001367"/>
                    </a:ext>
                  </a:extLst>
                </a:gridCol>
                <a:gridCol w="2275969">
                  <a:extLst>
                    <a:ext uri="{9D8B030D-6E8A-4147-A177-3AD203B41FA5}">
                      <a16:colId xmlns:a16="http://schemas.microsoft.com/office/drawing/2014/main" val="3981768607"/>
                    </a:ext>
                  </a:extLst>
                </a:gridCol>
              </a:tblGrid>
              <a:tr h="252831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3319412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934316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,77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2667893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,01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207524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6,31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0260613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5,40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35789812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4,87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074192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,18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37571193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,61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99581116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,14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130258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6,41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6313526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6,85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58879904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6,34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2450351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5,8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687922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,75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40274529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1,40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23430392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,73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45508585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,07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5003683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,4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47880003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,0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406333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1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66384789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04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7629819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885043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5143" y="113352"/>
            <a:ext cx="11277600" cy="605175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r>
              <a:rPr lang="en-US" sz="2800" b="0" i="0" kern="1200" dirty="0"/>
              <a:t>Active Subscribers - Top 20 State Assembly District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3632A74A-D23E-BA1A-FEF8-EFB674ED9E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8224254"/>
              </p:ext>
            </p:extLst>
          </p:nvPr>
        </p:nvGraphicFramePr>
        <p:xfrm>
          <a:off x="1076325" y="746039"/>
          <a:ext cx="4729020" cy="5683336"/>
        </p:xfrm>
        <a:graphic>
          <a:graphicData uri="http://schemas.openxmlformats.org/drawingml/2006/table">
            <a:tbl>
              <a:tblPr/>
              <a:tblGrid>
                <a:gridCol w="2364510">
                  <a:extLst>
                    <a:ext uri="{9D8B030D-6E8A-4147-A177-3AD203B41FA5}">
                      <a16:colId xmlns:a16="http://schemas.microsoft.com/office/drawing/2014/main" val="635956740"/>
                    </a:ext>
                  </a:extLst>
                </a:gridCol>
                <a:gridCol w="2364510">
                  <a:extLst>
                    <a:ext uri="{9D8B030D-6E8A-4147-A177-3AD203B41FA5}">
                      <a16:colId xmlns:a16="http://schemas.microsoft.com/office/drawing/2014/main" val="1304716699"/>
                    </a:ext>
                  </a:extLst>
                </a:gridCol>
              </a:tblGrid>
              <a:tr h="249057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6661" marR="6661" marT="666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93317375"/>
                  </a:ext>
                </a:extLst>
              </a:tr>
              <a:tr h="36553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661" marR="6661" marT="666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661" marR="6661" marT="666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9503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0,4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4561882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,93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3741963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3,84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244101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,58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942417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6,3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1113416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,08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9208000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,47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399527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,23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1301199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,8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5675445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,54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1623731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,28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9486307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93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7567814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72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7469988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0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5313014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0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658045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7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241414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68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175885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49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2307590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45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757158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8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6741728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E8E633B-4737-72BD-0825-522F519742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57316412"/>
              </p:ext>
            </p:extLst>
          </p:nvPr>
        </p:nvGraphicFramePr>
        <p:xfrm>
          <a:off x="6386657" y="746039"/>
          <a:ext cx="4797496" cy="5702077"/>
        </p:xfrm>
        <a:graphic>
          <a:graphicData uri="http://schemas.openxmlformats.org/drawingml/2006/table">
            <a:tbl>
              <a:tblPr/>
              <a:tblGrid>
                <a:gridCol w="2451460">
                  <a:extLst>
                    <a:ext uri="{9D8B030D-6E8A-4147-A177-3AD203B41FA5}">
                      <a16:colId xmlns:a16="http://schemas.microsoft.com/office/drawing/2014/main" val="3360590331"/>
                    </a:ext>
                  </a:extLst>
                </a:gridCol>
                <a:gridCol w="2346036">
                  <a:extLst>
                    <a:ext uri="{9D8B030D-6E8A-4147-A177-3AD203B41FA5}">
                      <a16:colId xmlns:a16="http://schemas.microsoft.com/office/drawing/2014/main" val="3280297905"/>
                    </a:ext>
                  </a:extLst>
                </a:gridCol>
              </a:tblGrid>
              <a:tr h="252197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39082125"/>
                  </a:ext>
                </a:extLst>
              </a:tr>
              <a:tr h="38258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8418074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,12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27253899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5,2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5558318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,04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5622911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1,45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206052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,7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5225166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6,30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858715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8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8952183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,26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40397638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,75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152738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,59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07398237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,63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496025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,33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7033556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,17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6572578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4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6423229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19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449253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06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579614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91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99460996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,8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32294577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75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6342380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60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1252477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000089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264660"/>
            <a:ext cx="11277600" cy="545238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Active Subscribers - Top 20 Counties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8F304645-6FF3-155F-514C-B18F4E01C4F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70867633"/>
              </p:ext>
            </p:extLst>
          </p:nvPr>
        </p:nvGraphicFramePr>
        <p:xfrm>
          <a:off x="1096106" y="809898"/>
          <a:ext cx="4572000" cy="5577848"/>
        </p:xfrm>
        <a:graphic>
          <a:graphicData uri="http://schemas.openxmlformats.org/drawingml/2006/table">
            <a:tbl>
              <a:tblPr/>
              <a:tblGrid>
                <a:gridCol w="2286000">
                  <a:extLst>
                    <a:ext uri="{9D8B030D-6E8A-4147-A177-3AD203B41FA5}">
                      <a16:colId xmlns:a16="http://schemas.microsoft.com/office/drawing/2014/main" val="4031036616"/>
                    </a:ext>
                  </a:extLst>
                </a:gridCol>
                <a:gridCol w="2286000">
                  <a:extLst>
                    <a:ext uri="{9D8B030D-6E8A-4147-A177-3AD203B41FA5}">
                      <a16:colId xmlns:a16="http://schemas.microsoft.com/office/drawing/2014/main" val="3971329678"/>
                    </a:ext>
                  </a:extLst>
                </a:gridCol>
              </a:tblGrid>
              <a:tr h="25119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4662458"/>
                  </a:ext>
                </a:extLst>
              </a:tr>
              <a:tr h="25119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83337365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14,0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1857681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9,7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999744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7,6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4716396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4,95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2517114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0,40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0564838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4,65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7799541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,24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77038207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,20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333882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3,2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1695376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,06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12604575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0,3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13559098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,4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6678908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,28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0356469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7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4794006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92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89481769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77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87366826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,28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50078334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,9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1698104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,46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1686696"/>
                  </a:ext>
                </a:extLst>
              </a:tr>
              <a:tr h="253773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,02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88106549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422F3F87-71F2-B11D-B5E6-C7831FCBA16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94934444"/>
              </p:ext>
            </p:extLst>
          </p:nvPr>
        </p:nvGraphicFramePr>
        <p:xfrm>
          <a:off x="6415453" y="809910"/>
          <a:ext cx="4572000" cy="5577836"/>
        </p:xfrm>
        <a:graphic>
          <a:graphicData uri="http://schemas.openxmlformats.org/drawingml/2006/table">
            <a:tbl>
              <a:tblPr/>
              <a:tblGrid>
                <a:gridCol w="2207492">
                  <a:extLst>
                    <a:ext uri="{9D8B030D-6E8A-4147-A177-3AD203B41FA5}">
                      <a16:colId xmlns:a16="http://schemas.microsoft.com/office/drawing/2014/main" val="825812411"/>
                    </a:ext>
                  </a:extLst>
                </a:gridCol>
                <a:gridCol w="2364508">
                  <a:extLst>
                    <a:ext uri="{9D8B030D-6E8A-4147-A177-3AD203B41FA5}">
                      <a16:colId xmlns:a16="http://schemas.microsoft.com/office/drawing/2014/main" val="1570706856"/>
                    </a:ext>
                  </a:extLst>
                </a:gridCol>
              </a:tblGrid>
              <a:tr h="253538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50604055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337376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5,29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00672637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1,10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3038012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1,31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6156827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6,2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6610850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0,4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9429315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3,0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23673661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,94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3982869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3,68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6412944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,85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9434218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,16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00620321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,29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5258911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,2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4199640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4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19660763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7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7088919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0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1067168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,87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83265423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,91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11831258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,5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75985515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,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8287910"/>
                  </a:ext>
                </a:extLst>
              </a:tr>
              <a:tr h="253538">
                <a:tc>
                  <a:txBody>
                    <a:bodyPr/>
                    <a:lstStyle/>
                    <a:p>
                      <a:pPr algn="l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5,5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629445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960766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ntent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A37ECEB-8F87-64E5-69C8-82303040C331}"/>
              </a:ext>
            </a:extLst>
          </p:cNvPr>
          <p:cNvSpPr txBox="1"/>
          <p:nvPr/>
        </p:nvSpPr>
        <p:spPr>
          <a:xfrm>
            <a:off x="1754591" y="1644000"/>
            <a:ext cx="8722910" cy="261610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R="0" lvl="0">
              <a:spcBef>
                <a:spcPts val="1200"/>
              </a:spcBef>
              <a:spcAft>
                <a:spcPts val="1200"/>
              </a:spcAft>
            </a:pPr>
            <a:r>
              <a:rPr lang="en-US" sz="32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Completed Initiatives</a:t>
            </a:r>
          </a:p>
          <a:p>
            <a:pPr marR="0" lvl="0">
              <a:spcBef>
                <a:spcPts val="1200"/>
              </a:spcBef>
              <a:spcAft>
                <a:spcPts val="1200"/>
              </a:spcAft>
            </a:pPr>
            <a:r>
              <a:rPr lang="en-US" sz="3200" dirty="0">
                <a:solidFill>
                  <a:schemeClr val="accent2">
                    <a:lumMod val="10000"/>
                  </a:schemeClr>
                </a:solidFill>
                <a:latin typeface="Arial" panose="020B0604020202020204" pitchFamily="34" charset="0"/>
                <a:ea typeface="Gulim" panose="020B0600000101010101" pitchFamily="34" charset="-127"/>
              </a:rPr>
              <a:t>Upcoming Initiatives</a:t>
            </a:r>
            <a:endParaRPr lang="en-US" sz="3200" dirty="0">
              <a:solidFill>
                <a:schemeClr val="accent2">
                  <a:lumMod val="10000"/>
                </a:schemeClr>
              </a:solidFill>
              <a:effectLst/>
              <a:latin typeface="Arial" panose="020B0604020202020204" pitchFamily="34" charset="0"/>
              <a:ea typeface="Gulim" panose="020B0600000101010101" pitchFamily="34" charset="-127"/>
            </a:endParaRPr>
          </a:p>
          <a:p>
            <a:pPr marR="0" lvl="0">
              <a:spcBef>
                <a:spcPts val="1200"/>
              </a:spcBef>
              <a:spcAft>
                <a:spcPts val="1200"/>
              </a:spcAft>
            </a:pPr>
            <a:r>
              <a:rPr lang="en-US" sz="32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Program Reports</a:t>
            </a:r>
          </a:p>
          <a:p>
            <a:endParaRPr lang="en-US" dirty="0"/>
          </a:p>
        </p:txBody>
      </p:sp>
      <p:pic>
        <p:nvPicPr>
          <p:cNvPr id="7" name="Graphic 6" descr="Inbox Check with solid fill">
            <a:extLst>
              <a:ext uri="{FF2B5EF4-FFF2-40B4-BE49-F238E27FC236}">
                <a16:creationId xmlns:a16="http://schemas.microsoft.com/office/drawing/2014/main" id="{49F3ED8B-E888-93F7-D5C5-D9B981C6701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40191" y="1365736"/>
            <a:ext cx="914400" cy="914400"/>
          </a:xfrm>
          <a:prstGeom prst="rect">
            <a:avLst/>
          </a:prstGeom>
        </p:spPr>
      </p:pic>
      <p:pic>
        <p:nvPicPr>
          <p:cNvPr id="9" name="Graphic 8" descr="Document with solid fill">
            <a:extLst>
              <a:ext uri="{FF2B5EF4-FFF2-40B4-BE49-F238E27FC236}">
                <a16:creationId xmlns:a16="http://schemas.microsoft.com/office/drawing/2014/main" id="{128BB326-9F46-13C8-4B80-53A35539399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60973" y="3086099"/>
            <a:ext cx="914400" cy="914400"/>
          </a:xfrm>
          <a:prstGeom prst="rect">
            <a:avLst/>
          </a:prstGeom>
        </p:spPr>
      </p:pic>
      <p:pic>
        <p:nvPicPr>
          <p:cNvPr id="11" name="Graphic 10" descr="Stopwatch with solid fill">
            <a:extLst>
              <a:ext uri="{FF2B5EF4-FFF2-40B4-BE49-F238E27FC236}">
                <a16:creationId xmlns:a16="http://schemas.microsoft.com/office/drawing/2014/main" id="{FCA40B45-CA24-DBDF-6905-08798A9AF1A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840191" y="2280136"/>
            <a:ext cx="914400" cy="914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7017147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169104"/>
            <a:ext cx="11277600" cy="491964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Active Subscribers - Top 20 ZIP Code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87F5B821-55F1-51A4-AD52-B0952BB15DD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62230353"/>
              </p:ext>
            </p:extLst>
          </p:nvPr>
        </p:nvGraphicFramePr>
        <p:xfrm>
          <a:off x="6442500" y="661332"/>
          <a:ext cx="4572000" cy="5568882"/>
        </p:xfrm>
        <a:graphic>
          <a:graphicData uri="http://schemas.openxmlformats.org/drawingml/2006/table">
            <a:tbl>
              <a:tblPr/>
              <a:tblGrid>
                <a:gridCol w="2286000">
                  <a:extLst>
                    <a:ext uri="{9D8B030D-6E8A-4147-A177-3AD203B41FA5}">
                      <a16:colId xmlns:a16="http://schemas.microsoft.com/office/drawing/2014/main" val="522820263"/>
                    </a:ext>
                  </a:extLst>
                </a:gridCol>
                <a:gridCol w="2286000">
                  <a:extLst>
                    <a:ext uri="{9D8B030D-6E8A-4147-A177-3AD203B41FA5}">
                      <a16:colId xmlns:a16="http://schemas.microsoft.com/office/drawing/2014/main" val="1693639921"/>
                    </a:ext>
                  </a:extLst>
                </a:gridCol>
              </a:tblGrid>
              <a:tr h="247076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64644813"/>
                  </a:ext>
                </a:extLst>
              </a:tr>
              <a:tr h="24707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992512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,3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975920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63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59523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3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4941769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4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2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398279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3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81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9602433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2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4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6010408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02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1214921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1194736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1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577006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86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29519493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7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084360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50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5045133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4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21513682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41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67504309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3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86274232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2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419798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7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01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4237021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76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5603879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6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021858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2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9795010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3EAE6925-9694-E3A1-2552-BD64C0496DE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41581020"/>
              </p:ext>
            </p:extLst>
          </p:nvPr>
        </p:nvGraphicFramePr>
        <p:xfrm>
          <a:off x="1053675" y="661332"/>
          <a:ext cx="4572000" cy="5568882"/>
        </p:xfrm>
        <a:graphic>
          <a:graphicData uri="http://schemas.openxmlformats.org/drawingml/2006/table">
            <a:tbl>
              <a:tblPr/>
              <a:tblGrid>
                <a:gridCol w="2286000">
                  <a:extLst>
                    <a:ext uri="{9D8B030D-6E8A-4147-A177-3AD203B41FA5}">
                      <a16:colId xmlns:a16="http://schemas.microsoft.com/office/drawing/2014/main" val="3413400794"/>
                    </a:ext>
                  </a:extLst>
                </a:gridCol>
                <a:gridCol w="2286000">
                  <a:extLst>
                    <a:ext uri="{9D8B030D-6E8A-4147-A177-3AD203B41FA5}">
                      <a16:colId xmlns:a16="http://schemas.microsoft.com/office/drawing/2014/main" val="1743146123"/>
                    </a:ext>
                  </a:extLst>
                </a:gridCol>
              </a:tblGrid>
              <a:tr h="247076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22028398"/>
                  </a:ext>
                </a:extLst>
              </a:tr>
              <a:tr h="24707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58353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,58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3469940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2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886062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8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070362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3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76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1977781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62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0342184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5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6988410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0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00866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85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40186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39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17756041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04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879512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79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692470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59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28969735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2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59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5898482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7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53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955588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37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001220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80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29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92249164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2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4110723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20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0937257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14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446122"/>
                  </a:ext>
                </a:extLst>
              </a:tr>
              <a:tr h="249612"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08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642062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726240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869" y="500814"/>
            <a:ext cx="11277600" cy="457129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Active Subscribers – Written Language Preferenc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D14C1BD5-0AEC-2AE8-4936-D720180CD04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14858776"/>
              </p:ext>
            </p:extLst>
          </p:nvPr>
        </p:nvGraphicFramePr>
        <p:xfrm>
          <a:off x="6327594" y="1280272"/>
          <a:ext cx="4572000" cy="3048000"/>
        </p:xfrm>
        <a:graphic>
          <a:graphicData uri="http://schemas.openxmlformats.org/drawingml/2006/table">
            <a:tbl>
              <a:tblPr/>
              <a:tblGrid>
                <a:gridCol w="22860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2860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729,96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,34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18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,0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21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0D9AD0D-3843-5AC7-EC32-EBE2956EB42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62925714"/>
              </p:ext>
            </p:extLst>
          </p:nvPr>
        </p:nvGraphicFramePr>
        <p:xfrm>
          <a:off x="1145994" y="1280272"/>
          <a:ext cx="4572000" cy="3048000"/>
        </p:xfrm>
        <a:graphic>
          <a:graphicData uri="http://schemas.openxmlformats.org/drawingml/2006/table">
            <a:tbl>
              <a:tblPr/>
              <a:tblGrid>
                <a:gridCol w="22860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2860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,744,95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2,10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,93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,26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,38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4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268859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8C1463-E86F-BC3D-9A00-BCF4EEEB7C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179E4B5-06CD-4EB5-7D65-7A2059B33B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869" y="500814"/>
            <a:ext cx="11277600" cy="457129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Active Subscribers – Average Ag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A8C41F9-52E9-53A5-969D-9FFCAD53DA9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20433595"/>
              </p:ext>
            </p:extLst>
          </p:nvPr>
        </p:nvGraphicFramePr>
        <p:xfrm>
          <a:off x="3336834" y="1295400"/>
          <a:ext cx="5518332" cy="4267200"/>
        </p:xfrm>
        <a:graphic>
          <a:graphicData uri="http://schemas.openxmlformats.org/drawingml/2006/table">
            <a:tbl>
              <a:tblPr/>
              <a:tblGrid>
                <a:gridCol w="2759166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759166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nniversary Month &amp; Yea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ubscribers’ Average Ages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Octo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Nov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nuary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February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March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April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73413360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May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9303773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une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165230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uly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82961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August 20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8793817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654786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15086"/>
            <a:ext cx="11277600" cy="491964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ustomer Portal – Registered Users 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FBA5E533-B5FC-0370-DFDC-B525103E6E3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69989068"/>
              </p:ext>
            </p:extLst>
          </p:nvPr>
        </p:nvGraphicFramePr>
        <p:xfrm>
          <a:off x="2203450" y="1465367"/>
          <a:ext cx="8127999" cy="369767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512956720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3924872423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3218905448"/>
                    </a:ext>
                  </a:extLst>
                </a:gridCol>
              </a:tblGrid>
              <a:tr h="739535">
                <a:tc>
                  <a:txBody>
                    <a:bodyPr/>
                    <a:lstStyle/>
                    <a:p>
                      <a:r>
                        <a:rPr lang="en-US" sz="1600" dirty="0"/>
                        <a:t>Metric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09/02/2025 Cou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12/01/2025 Count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732398082"/>
                  </a:ext>
                </a:extLst>
              </a:tr>
              <a:tr h="73953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u="none" strike="noStrike" dirty="0">
                          <a:solidFill>
                            <a:srgbClr val="2A2A43"/>
                          </a:solidFill>
                          <a:effectLst/>
                        </a:rPr>
                        <a:t>Registered Users</a:t>
                      </a:r>
                      <a:endParaRPr lang="en-US" sz="1600" b="1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50,864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82,615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2576772478"/>
                  </a:ext>
                </a:extLst>
              </a:tr>
              <a:tr h="73953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u="none" strike="noStrike" dirty="0">
                          <a:solidFill>
                            <a:srgbClr val="2A2A43"/>
                          </a:solidFill>
                          <a:effectLst/>
                        </a:rPr>
                        <a:t>Wireless Registered Users</a:t>
                      </a:r>
                      <a:endParaRPr lang="en-US" sz="1600" b="1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22,910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52,263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3205563950"/>
                  </a:ext>
                </a:extLst>
              </a:tr>
              <a:tr h="73953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u="none" strike="noStrike" dirty="0">
                          <a:solidFill>
                            <a:srgbClr val="2A2A43"/>
                          </a:solidFill>
                          <a:effectLst/>
                        </a:rPr>
                        <a:t>Wireline Registered Users</a:t>
                      </a:r>
                      <a:endParaRPr lang="en-US" sz="1600" b="1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7,954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30,352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3593464294"/>
                  </a:ext>
                </a:extLst>
              </a:tr>
              <a:tr h="73953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u="none" strike="noStrike" dirty="0">
                          <a:solidFill>
                            <a:srgbClr val="2A2A43"/>
                          </a:solidFill>
                          <a:effectLst/>
                        </a:rPr>
                        <a:t>At least one LifeLine form submitted via the Portal after registering</a:t>
                      </a:r>
                      <a:endParaRPr lang="en-US" sz="1600" b="1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07,433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22,361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340843847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6040976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Household Income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3A6B7E3-32A4-4E23-B51D-49F942579D7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00356641"/>
              </p:ext>
            </p:extLst>
          </p:nvPr>
        </p:nvGraphicFramePr>
        <p:xfrm>
          <a:off x="1524000" y="1805463"/>
          <a:ext cx="8917578" cy="3792755"/>
        </p:xfrm>
        <a:graphic>
          <a:graphicData uri="http://schemas.openxmlformats.org/drawingml/2006/table">
            <a:tbl>
              <a:tblPr firstRow="1" bandRow="1"/>
              <a:tblGrid>
                <a:gridCol w="3198829">
                  <a:extLst>
                    <a:ext uri="{9D8B030D-6E8A-4147-A177-3AD203B41FA5}">
                      <a16:colId xmlns:a16="http://schemas.microsoft.com/office/drawing/2014/main" val="1871724206"/>
                    </a:ext>
                  </a:extLst>
                </a:gridCol>
                <a:gridCol w="1827126">
                  <a:extLst>
                    <a:ext uri="{9D8B030D-6E8A-4147-A177-3AD203B41FA5}">
                      <a16:colId xmlns:a16="http://schemas.microsoft.com/office/drawing/2014/main" val="2511763600"/>
                    </a:ext>
                  </a:extLst>
                </a:gridCol>
                <a:gridCol w="1588061">
                  <a:extLst>
                    <a:ext uri="{9D8B030D-6E8A-4147-A177-3AD203B41FA5}">
                      <a16:colId xmlns:a16="http://schemas.microsoft.com/office/drawing/2014/main" val="1959515969"/>
                    </a:ext>
                  </a:extLst>
                </a:gridCol>
                <a:gridCol w="2303562">
                  <a:extLst>
                    <a:ext uri="{9D8B030D-6E8A-4147-A177-3AD203B41FA5}">
                      <a16:colId xmlns:a16="http://schemas.microsoft.com/office/drawing/2014/main" val="1780941379"/>
                    </a:ext>
                  </a:extLst>
                </a:gridCol>
              </a:tblGrid>
              <a:tr h="93800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Household Income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35881277"/>
                  </a:ext>
                </a:extLst>
              </a:tr>
              <a:tr h="49133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0-9,999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6,156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32,690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.23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97322501"/>
                  </a:ext>
                </a:extLst>
              </a:tr>
              <a:tr h="45763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,000 - 19,999 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8,824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4,270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1.15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97183352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0,000 - 29,999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5,108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7,856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.94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8400487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0,000 - 39,999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,748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1,869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.43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036323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0,000+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,083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1,165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.73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04882299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8,341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4,884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7.07%</a:t>
                      </a:r>
                    </a:p>
                  </a:txBody>
                  <a:tcPr marL="9525" marR="9525" marT="9525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4656093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503220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Gender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FD9873A0-5218-52D6-F5C6-FE6E7F9ABF8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79601736"/>
              </p:ext>
            </p:extLst>
          </p:nvPr>
        </p:nvGraphicFramePr>
        <p:xfrm>
          <a:off x="1501140" y="1764370"/>
          <a:ext cx="9067800" cy="3600450"/>
        </p:xfrm>
        <a:graphic>
          <a:graphicData uri="http://schemas.openxmlformats.org/drawingml/2006/table">
            <a:tbl>
              <a:tblPr firstRow="1" bandRow="1"/>
              <a:tblGrid>
                <a:gridCol w="2514600">
                  <a:extLst>
                    <a:ext uri="{9D8B030D-6E8A-4147-A177-3AD203B41FA5}">
                      <a16:colId xmlns:a16="http://schemas.microsoft.com/office/drawing/2014/main" val="1160336164"/>
                    </a:ext>
                  </a:extLst>
                </a:gridCol>
                <a:gridCol w="2137410">
                  <a:extLst>
                    <a:ext uri="{9D8B030D-6E8A-4147-A177-3AD203B41FA5}">
                      <a16:colId xmlns:a16="http://schemas.microsoft.com/office/drawing/2014/main" val="2430035333"/>
                    </a:ext>
                  </a:extLst>
                </a:gridCol>
                <a:gridCol w="2231390">
                  <a:extLst>
                    <a:ext uri="{9D8B030D-6E8A-4147-A177-3AD203B41FA5}">
                      <a16:colId xmlns:a16="http://schemas.microsoft.com/office/drawing/2014/main" val="68310349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41068447"/>
                    </a:ext>
                  </a:extLst>
                </a:gridCol>
              </a:tblGrid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93657278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Fe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6,3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2,1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2.53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9751093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9,70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24,62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3.60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05096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,71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,16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0.86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0445600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Nonbinary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6.78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73369632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ans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5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.33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4549137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54935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Race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74F122CD-3E0D-6A4E-E56D-50B646AD79A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14416664"/>
              </p:ext>
            </p:extLst>
          </p:nvPr>
        </p:nvGraphicFramePr>
        <p:xfrm>
          <a:off x="1206500" y="1678707"/>
          <a:ext cx="9779000" cy="417345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27927">
                  <a:extLst>
                    <a:ext uri="{9D8B030D-6E8A-4147-A177-3AD203B41FA5}">
                      <a16:colId xmlns:a16="http://schemas.microsoft.com/office/drawing/2014/main" val="3602809170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2170390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6894792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581007980"/>
                    </a:ext>
                  </a:extLst>
                </a:gridCol>
              </a:tblGrid>
              <a:tr h="80406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Rac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Sept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071772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Hispanic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76,68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6,36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2.61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834550177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White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64,81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72,98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2.61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92081521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As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31,49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6,54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0.06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6070059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30,43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4,28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.87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6858141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Black American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28,47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2,49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4.1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091803232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Other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12,07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4,18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7.49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1942180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American Ind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3,76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4,16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.5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228670325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Pacific Islander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1,50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,71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3.69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44243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18160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C02B73-8842-E0D7-90F0-B398F89D83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4D6CDB-8839-3F66-3B4E-7D773D0C80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0051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Asian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1183C2F-3CC1-D173-5C56-5269888F7A5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38650618"/>
              </p:ext>
            </p:extLst>
          </p:nvPr>
        </p:nvGraphicFramePr>
        <p:xfrm>
          <a:off x="1562100" y="1439290"/>
          <a:ext cx="9067800" cy="398043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403388763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07079255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2915181328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943287254"/>
                    </a:ext>
                  </a:extLst>
                </a:gridCol>
              </a:tblGrid>
              <a:tr h="89535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sian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Sept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401787050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Chinese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10,21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,96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7.39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54794874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Vietnamese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9,13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9,88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.2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27479655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Other As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3,702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4,09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.7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957882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Filipino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3,18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,56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2.07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34962495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Ind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2,01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,21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.18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10777868"/>
                  </a:ext>
                </a:extLst>
              </a:tr>
              <a:tr h="33236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Kore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1,30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,41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.25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5568540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Cambod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88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95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7.91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215066613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Japanese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58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64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.1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28364018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Laot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452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51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4.16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753714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  <a:cs typeface="Arial" panose="020B0604020202020204" pitchFamily="34" charset="0"/>
                        </a:rPr>
                        <a:t>22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-100.0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41060845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D0D2249-FE52-E8B1-C1D5-E49BF79F4329}"/>
              </a:ext>
            </a:extLst>
          </p:cNvPr>
          <p:cNvSpPr txBox="1"/>
          <p:nvPr/>
        </p:nvSpPr>
        <p:spPr>
          <a:xfrm>
            <a:off x="2290354" y="5418710"/>
            <a:ext cx="822960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Note: Registered users can change their responses. For example, the decrease of “Prefer Not To Respond” might represent a user who changed their respons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158830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Pacific Islander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31FC32CE-75C3-422C-4F3A-EC5B383E726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99959684"/>
              </p:ext>
            </p:extLst>
          </p:nvPr>
        </p:nvGraphicFramePr>
        <p:xfrm>
          <a:off x="1562100" y="1648296"/>
          <a:ext cx="9067800" cy="38990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8278981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4006976057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08189210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718800255"/>
                    </a:ext>
                  </a:extLst>
                </a:gridCol>
              </a:tblGrid>
              <a:tr h="125969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Pacific Islander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Sept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579871801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Other Pacific Islander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02</a:t>
                      </a:r>
                      <a:endParaRPr lang="en-US" sz="1600" b="0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89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1.35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65680794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Native Hawaii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66</a:t>
                      </a:r>
                      <a:endParaRPr lang="en-US" sz="1600" b="0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3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4.4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63537152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Samoan</a:t>
                      </a:r>
                      <a:endParaRPr lang="en-US" sz="1600" b="1" i="0" u="none" strike="noStrike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86</a:t>
                      </a:r>
                      <a:endParaRPr lang="en-US" sz="1600" b="0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31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0.8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74071129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Guamanian</a:t>
                      </a:r>
                      <a:endParaRPr lang="en-US" sz="1600" b="1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51</a:t>
                      </a:r>
                      <a:endParaRPr lang="en-US" sz="1600" b="0" i="0" u="none" strike="noStrike" dirty="0">
                        <a:solidFill>
                          <a:schemeClr val="tx1">
                            <a:lumMod val="50000"/>
                          </a:schemeClr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7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2.58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2531003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539968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0051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Response &amp; Approval Rates – All Form Type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June 2025 through November 2025</a:t>
            </a:r>
            <a:endParaRPr lang="en-US" sz="2800" dirty="0"/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1B5F9CF-72A3-D819-0F67-0C1897CD6B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60053810"/>
              </p:ext>
            </p:extLst>
          </p:nvPr>
        </p:nvGraphicFramePr>
        <p:xfrm>
          <a:off x="1038226" y="1439290"/>
          <a:ext cx="10391774" cy="333798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84539">
                  <a:extLst>
                    <a:ext uri="{9D8B030D-6E8A-4147-A177-3AD203B41FA5}">
                      <a16:colId xmlns:a16="http://schemas.microsoft.com/office/drawing/2014/main" val="4033887633"/>
                    </a:ext>
                  </a:extLst>
                </a:gridCol>
                <a:gridCol w="1484539">
                  <a:extLst>
                    <a:ext uri="{9D8B030D-6E8A-4147-A177-3AD203B41FA5}">
                      <a16:colId xmlns:a16="http://schemas.microsoft.com/office/drawing/2014/main" val="1070792552"/>
                    </a:ext>
                  </a:extLst>
                </a:gridCol>
                <a:gridCol w="1484539">
                  <a:extLst>
                    <a:ext uri="{9D8B030D-6E8A-4147-A177-3AD203B41FA5}">
                      <a16:colId xmlns:a16="http://schemas.microsoft.com/office/drawing/2014/main" val="2915181328"/>
                    </a:ext>
                  </a:extLst>
                </a:gridCol>
                <a:gridCol w="1691943">
                  <a:extLst>
                    <a:ext uri="{9D8B030D-6E8A-4147-A177-3AD203B41FA5}">
                      <a16:colId xmlns:a16="http://schemas.microsoft.com/office/drawing/2014/main" val="943287254"/>
                    </a:ext>
                  </a:extLst>
                </a:gridCol>
                <a:gridCol w="1277136">
                  <a:extLst>
                    <a:ext uri="{9D8B030D-6E8A-4147-A177-3AD203B41FA5}">
                      <a16:colId xmlns:a16="http://schemas.microsoft.com/office/drawing/2014/main" val="3298829815"/>
                    </a:ext>
                  </a:extLst>
                </a:gridCol>
                <a:gridCol w="1484539">
                  <a:extLst>
                    <a:ext uri="{9D8B030D-6E8A-4147-A177-3AD203B41FA5}">
                      <a16:colId xmlns:a16="http://schemas.microsoft.com/office/drawing/2014/main" val="972862321"/>
                    </a:ext>
                  </a:extLst>
                </a:gridCol>
                <a:gridCol w="1484539">
                  <a:extLst>
                    <a:ext uri="{9D8B030D-6E8A-4147-A177-3AD203B41FA5}">
                      <a16:colId xmlns:a16="http://schemas.microsoft.com/office/drawing/2014/main" val="1493278139"/>
                    </a:ext>
                  </a:extLst>
                </a:gridCol>
              </a:tblGrid>
              <a:tr h="97476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Month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Total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Responded 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% Responded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pproved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Approved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Qualified </a:t>
                      </a:r>
                    </a:p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or Renewed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401787050"/>
                  </a:ext>
                </a:extLst>
              </a:tr>
              <a:tr h="342204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ne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4,06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1,282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6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59,47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3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.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54794874"/>
                  </a:ext>
                </a:extLst>
              </a:tr>
              <a:tr h="33183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ly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2,04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9,78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0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4,20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1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2.1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274796557"/>
                  </a:ext>
                </a:extLst>
              </a:tr>
              <a:tr h="33183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ugust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08,05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3,85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2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4,26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9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2.1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9578829"/>
                  </a:ext>
                </a:extLst>
              </a:tr>
              <a:tr h="33183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tember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08,19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7,53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0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9,72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1.6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.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349624951"/>
                  </a:ext>
                </a:extLst>
              </a:tr>
              <a:tr h="33183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ober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9,31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7,43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2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2,30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6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2.7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10777868"/>
                  </a:ext>
                </a:extLst>
              </a:tr>
              <a:tr h="361839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ember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2,43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23,93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4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53,54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3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55685407"/>
                  </a:ext>
                </a:extLst>
              </a:tr>
              <a:tr h="33183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otals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404,10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153,82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6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723,522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0.0%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>
                        <a:buNone/>
                      </a:pPr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1.7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215066613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28BE62D8-571F-4AC5-4902-6920061BE5EE}"/>
              </a:ext>
            </a:extLst>
          </p:cNvPr>
          <p:cNvSpPr txBox="1"/>
          <p:nvPr/>
        </p:nvSpPr>
        <p:spPr>
          <a:xfrm>
            <a:off x="4312603" y="4777270"/>
            <a:ext cx="3566794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Responded / Total = % Respond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Responded = % Approv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Total - % Qualified or Renewed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716659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F25D9B5-7F1D-72E1-C1BF-4917F9879B6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08D5DF3-5C8E-3589-9F59-5CEEFF2EEB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C1F90AE-49CC-AA15-E44B-6BBAD41F6918}"/>
              </a:ext>
            </a:extLst>
          </p:cNvPr>
          <p:cNvSpPr txBox="1"/>
          <p:nvPr/>
        </p:nvSpPr>
        <p:spPr>
          <a:xfrm>
            <a:off x="800100" y="909854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sent to Transfer Process for Wireless Service Providers</a:t>
            </a:r>
            <a:endParaRPr lang="en-US" sz="1800" b="1" dirty="0">
              <a:solidFill>
                <a:schemeClr val="bg2">
                  <a:lumMod val="10000"/>
                </a:schemeClr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C4B3C5E-8EDB-C280-A75A-4B8581C913DF}"/>
              </a:ext>
            </a:extLst>
          </p:cNvPr>
          <p:cNvSpPr txBox="1"/>
          <p:nvPr/>
        </p:nvSpPr>
        <p:spPr>
          <a:xfrm>
            <a:off x="1533525" y="1287244"/>
            <a:ext cx="8284844" cy="55707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orrect OCN Submission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reless Service Providers must submit the accurate Operating Company Number (OCN) for the subscriber’s current provider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prstClr val="black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f a subscriber does not know their current Service Provider, they must contact the TPA Call Center, or log into their Customer Portal account to confirm their Service Provider’s identity</a:t>
            </a:r>
          </a:p>
          <a:p>
            <a:pPr>
              <a:spcBef>
                <a:spcPts val="600"/>
              </a:spcBef>
              <a:spcAft>
                <a:spcPts val="600"/>
              </a:spcAft>
              <a:defRPr/>
            </a:pPr>
            <a:r>
              <a:rPr lang="en-US" sz="1600" b="1" dirty="0">
                <a:solidFill>
                  <a:schemeClr val="tx2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Human-created 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ignature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prstClr val="black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</a:t>
            </a: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ages of human-created signatures must be submitted when benefit transfers are initiated by wireless Service Providers</a:t>
            </a:r>
          </a:p>
          <a:p>
            <a:pPr>
              <a:spcBef>
                <a:spcPts val="600"/>
              </a:spcBef>
              <a:spcAft>
                <a:spcPts val="600"/>
              </a:spcAft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24-Hour Transfer Freeze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ubmitting an incorrect OCN for the </a:t>
            </a:r>
            <a:r>
              <a:rPr lang="en-US" sz="1600" dirty="0">
                <a:solidFill>
                  <a:prstClr val="black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urrent Service Provider </a:t>
            </a:r>
            <a:r>
              <a:rPr kumimoji="0" lang="en-US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ll trigger a 24-hour freeze for the subscriber</a:t>
            </a:r>
          </a:p>
          <a:p>
            <a:pPr>
              <a:spcBef>
                <a:spcPts val="600"/>
              </a:spcBef>
              <a:spcAft>
                <a:spcPts val="600"/>
              </a:spcAft>
              <a:defRPr/>
            </a:pPr>
            <a:r>
              <a:rPr lang="en-US" sz="1600" b="1" dirty="0">
                <a:solidFill>
                  <a:schemeClr val="tx2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Key Dat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Friday, October 3 – soft launch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Thursday, October 23 – hard launch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10034532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Application Volume by Received Channel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June 2025 </a:t>
            </a:r>
            <a:r>
              <a:rPr lang="en-US" sz="2800" b="0" i="0" kern="1200" dirty="0">
                <a:latin typeface="Arial" panose="020B0604020202020204" pitchFamily="34" charset="0"/>
                <a:ea typeface="+mj-ea"/>
                <a:cs typeface="+mj-cs"/>
              </a:rPr>
              <a:t>through November 2025</a:t>
            </a:r>
            <a:endParaRPr lang="en-US" sz="2800" dirty="0">
              <a:latin typeface="Arial" panose="020B0604020202020204" pitchFamily="34" charset="0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D721612A-8E49-2075-28BF-61C9F5944BB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98117171"/>
              </p:ext>
            </p:extLst>
          </p:nvPr>
        </p:nvGraphicFramePr>
        <p:xfrm>
          <a:off x="1057275" y="1493043"/>
          <a:ext cx="9963150" cy="465058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Renewal Applications Submitted by Received Channel </a:t>
            </a:r>
          </a:p>
          <a:p>
            <a:pPr algn="ctr"/>
            <a:r>
              <a:rPr lang="en-US" sz="2800" dirty="0">
                <a:latin typeface="Arial" panose="020B0604020202020204" pitchFamily="34" charset="0"/>
              </a:rPr>
              <a:t>June 2025 through November 2025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1FB4E99-BDC5-85F0-F6A0-1CC1BE2AF76D}"/>
              </a:ext>
            </a:extLst>
          </p:cNvPr>
          <p:cNvSpPr/>
          <p:nvPr/>
        </p:nvSpPr>
        <p:spPr>
          <a:xfrm>
            <a:off x="4612532" y="6200961"/>
            <a:ext cx="2740768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Renewal forms received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AFBF3AAD-4EAD-624B-F3E2-611B61F0B62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53601938"/>
              </p:ext>
            </p:extLst>
          </p:nvPr>
        </p:nvGraphicFramePr>
        <p:xfrm>
          <a:off x="762000" y="1778794"/>
          <a:ext cx="10210800" cy="411956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Eligibility Methods – Program Versus Income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92C702C6-E9D1-9D34-480C-B9AE1197134C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255105044"/>
              </p:ext>
            </p:extLst>
          </p:nvPr>
        </p:nvGraphicFramePr>
        <p:xfrm>
          <a:off x="1452562" y="1060441"/>
          <a:ext cx="10010775" cy="50641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Eligibility Methods – By Qualifying Program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41A4D28A-DFE8-6205-7FAF-31F42A742476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823874705"/>
              </p:ext>
            </p:extLst>
          </p:nvPr>
        </p:nvGraphicFramePr>
        <p:xfrm>
          <a:off x="1390650" y="876300"/>
          <a:ext cx="10115550" cy="729615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pPr algn="ctr"/>
            <a:r>
              <a:rPr lang="en-US" sz="2800" dirty="0"/>
              <a:t>Top 5 Denial Reasons – Enrollment Applications</a:t>
            </a:r>
          </a:p>
          <a:p>
            <a:pPr algn="ctr"/>
            <a:r>
              <a:rPr lang="en-US" sz="2800" b="0" i="0" kern="1200" dirty="0">
                <a:latin typeface="Arial" panose="020B0604020202020204" pitchFamily="34" charset="0"/>
                <a:ea typeface="+mj-ea"/>
                <a:cs typeface="+mj-cs"/>
              </a:rPr>
              <a:t>June 2025 through November 2025</a:t>
            </a:r>
            <a:endParaRPr lang="en-US" sz="2800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9CBFC0C-F633-3FAA-0CCF-B3020D79749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97934560"/>
              </p:ext>
            </p:extLst>
          </p:nvPr>
        </p:nvGraphicFramePr>
        <p:xfrm>
          <a:off x="5816338" y="1827933"/>
          <a:ext cx="6218644" cy="3858305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234911">
                  <a:extLst>
                    <a:ext uri="{9D8B030D-6E8A-4147-A177-3AD203B41FA5}">
                      <a16:colId xmlns:a16="http://schemas.microsoft.com/office/drawing/2014/main" val="4162404158"/>
                    </a:ext>
                  </a:extLst>
                </a:gridCol>
                <a:gridCol w="1696607">
                  <a:extLst>
                    <a:ext uri="{9D8B030D-6E8A-4147-A177-3AD203B41FA5}">
                      <a16:colId xmlns:a16="http://schemas.microsoft.com/office/drawing/2014/main" val="1854812781"/>
                    </a:ext>
                  </a:extLst>
                </a:gridCol>
                <a:gridCol w="3287126">
                  <a:extLst>
                    <a:ext uri="{9D8B030D-6E8A-4147-A177-3AD203B41FA5}">
                      <a16:colId xmlns:a16="http://schemas.microsoft.com/office/drawing/2014/main" val="1791153099"/>
                    </a:ext>
                  </a:extLst>
                </a:gridCol>
              </a:tblGrid>
              <a:tr h="402452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191527342"/>
                  </a:ext>
                </a:extLst>
              </a:tr>
              <a:tr h="59982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8-9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Enrollment application was not submitted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883196188"/>
                  </a:ext>
                </a:extLst>
              </a:tr>
              <a:tr h="697839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6-22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Correctible Denial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Documentation submitted does not meet eligibility guidelines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321723088"/>
                  </a:ext>
                </a:extLst>
              </a:tr>
              <a:tr h="66501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5-12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Active Phone Number &amp; Service Start Date not received within 30 days of status code 53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561342786"/>
                  </a:ext>
                </a:extLst>
              </a:tr>
              <a:tr h="7066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8-10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Enrollment application was returned undeliverable as addressed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18871464"/>
                  </a:ext>
                </a:extLst>
              </a:tr>
              <a:tr h="78649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6-18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Correctible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Chose to qualify through a program but did not provide eligibility proof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4899350"/>
                  </a:ext>
                </a:extLst>
              </a:tr>
            </a:tbl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E43BC35-4EEE-24AF-86D4-2F734CC644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0665" y="1827933"/>
            <a:ext cx="6506483" cy="4029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3144131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pPr algn="ctr"/>
            <a:r>
              <a:rPr lang="en-US" sz="2800" dirty="0"/>
              <a:t>Top 5 Denial Reasons – Renewal Applications</a:t>
            </a:r>
          </a:p>
          <a:p>
            <a:pPr algn="ctr"/>
            <a:r>
              <a:rPr lang="en-US" sz="2800" dirty="0"/>
              <a:t>June 2025 through November 2025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42FBC5E-59AE-DF7F-F243-B304662923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7672475"/>
              </p:ext>
            </p:extLst>
          </p:nvPr>
        </p:nvGraphicFramePr>
        <p:xfrm>
          <a:off x="6096000" y="1808718"/>
          <a:ext cx="5606472" cy="4211082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560945">
                  <a:extLst>
                    <a:ext uri="{9D8B030D-6E8A-4147-A177-3AD203B41FA5}">
                      <a16:colId xmlns:a16="http://schemas.microsoft.com/office/drawing/2014/main" val="1281931435"/>
                    </a:ext>
                  </a:extLst>
                </a:gridCol>
                <a:gridCol w="1773382">
                  <a:extLst>
                    <a:ext uri="{9D8B030D-6E8A-4147-A177-3AD203B41FA5}">
                      <a16:colId xmlns:a16="http://schemas.microsoft.com/office/drawing/2014/main" val="614854516"/>
                    </a:ext>
                  </a:extLst>
                </a:gridCol>
                <a:gridCol w="2272145">
                  <a:extLst>
                    <a:ext uri="{9D8B030D-6E8A-4147-A177-3AD203B41FA5}">
                      <a16:colId xmlns:a16="http://schemas.microsoft.com/office/drawing/2014/main" val="139726217"/>
                    </a:ext>
                  </a:extLst>
                </a:gridCol>
              </a:tblGrid>
              <a:tr h="23509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9922661"/>
                  </a:ext>
                </a:extLst>
              </a:tr>
              <a:tr h="63859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5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Soft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Initial renewal form not returned by the due date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654457651"/>
                  </a:ext>
                </a:extLst>
              </a:tr>
              <a:tr h="8483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8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Hard Denial 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Second chance renewal form not returned by the due date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194953956"/>
                  </a:ext>
                </a:extLst>
              </a:tr>
              <a:tr h="75600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9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</a:t>
                      </a:r>
                      <a:r>
                        <a:rPr lang="en-US" sz="1400" b="1" i="0" u="none" strike="noStrike" baseline="30000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nd</a:t>
                      </a:r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 chance form returned undeliverable as addressed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90356268"/>
                  </a:ext>
                </a:extLst>
              </a:tr>
              <a:tr h="86653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3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Correctible Denial 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Subscriber failed to print their first and last name on the renewal form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653415724"/>
                  </a:ext>
                </a:extLst>
              </a:tr>
              <a:tr h="86653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7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Correctible Denial 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Subscriber failed to initial the 1 per household certification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006097234"/>
                  </a:ext>
                </a:extLst>
              </a:tr>
            </a:tbl>
          </a:graphicData>
        </a:graphic>
      </p:graphicFrame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1B8BE80C-32BB-D593-5544-19031976D1CC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78421742"/>
              </p:ext>
            </p:extLst>
          </p:nvPr>
        </p:nvGraphicFramePr>
        <p:xfrm>
          <a:off x="1228725" y="1808718"/>
          <a:ext cx="4572000" cy="445531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8742273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81250" y="511154"/>
            <a:ext cx="7839075" cy="1138773"/>
          </a:xfrm>
        </p:spPr>
        <p:txBody>
          <a:bodyPr wrap="square" anchor="ctr">
            <a:no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US" sz="2800" dirty="0">
                <a:latin typeface="Arial" panose="020B0604020202020204" pitchFamily="34" charset="0"/>
              </a:rPr>
              <a:t>Renewal Rate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Renewal Processes Starting September 6, 2024, through September 5, 2025*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2090057" y="2023132"/>
            <a:ext cx="6702961" cy="116955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renewal processes started:		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1,517,832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Hard Denials:			  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380,419	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newal Rate:			     74.94%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9B0A39-38E5-F8A8-ABB7-9DE92FFD8005}"/>
              </a:ext>
            </a:extLst>
          </p:cNvPr>
          <p:cNvSpPr txBox="1"/>
          <p:nvPr/>
        </p:nvSpPr>
        <p:spPr>
          <a:xfrm>
            <a:off x="960714" y="4135274"/>
            <a:ext cx="981020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*Note: Final dispositions have been recorded for all renewal processes started for the selected perio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191994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2" y="509522"/>
            <a:ext cx="10430579" cy="1138773"/>
          </a:xfrm>
        </p:spPr>
        <p:txBody>
          <a:bodyPr wrap="square" anchor="ctr">
            <a:normAutofit fontScale="90000"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CalFresh Confirm Match Rate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Renewal Processes Starting September 6, 2024, through September 5, 2025*</a:t>
            </a:r>
            <a:endParaRPr lang="en-US" sz="2800" dirty="0">
              <a:highlight>
                <a:srgbClr val="00FF00"/>
              </a:highlight>
              <a:latin typeface="Arial" panose="020B0604020202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1072675" y="2026964"/>
            <a:ext cx="10041526" cy="153888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Day 0 – 55.38%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[837,710 subscribers matched and passed]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Before issuing a soft denial for nonresponse – 5.24%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[5,863 subscribers matched and passed]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Before issuing a hard denial for nonresponse – 4.21%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[15,980 subscribers matched and passed]</a:t>
            </a:r>
            <a:endParaRPr lang="en-US" sz="1600" dirty="0"/>
          </a:p>
          <a:p>
            <a:pPr lvl="1"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4956777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Standalone Household Worksheet Volume by Received Channel </a:t>
            </a:r>
          </a:p>
          <a:p>
            <a:pPr algn="ctr"/>
            <a:r>
              <a:rPr lang="en-US" sz="2800" dirty="0"/>
              <a:t>June 2025 through November 2025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038FD790-2354-C835-4E2D-5CE09F7BCBF0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664968450"/>
              </p:ext>
            </p:extLst>
          </p:nvPr>
        </p:nvGraphicFramePr>
        <p:xfrm>
          <a:off x="1090612" y="1745456"/>
          <a:ext cx="9115426" cy="407193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4089132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Calls Offered</a:t>
            </a:r>
            <a:br>
              <a:rPr lang="en-US" sz="2800" dirty="0"/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A90C8C9D-BC3C-72C5-7DDC-1731E2979C3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121836021"/>
              </p:ext>
            </p:extLst>
          </p:nvPr>
        </p:nvGraphicFramePr>
        <p:xfrm>
          <a:off x="914400" y="1581150"/>
          <a:ext cx="10496549" cy="484346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16727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80741-9D5F-856D-E58A-62F3C052A5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7EB15C8D-2A5F-09AA-B8C7-7B2608FC10D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5C2E080-FA7E-25C5-6753-8A593E496F9B}"/>
              </a:ext>
            </a:extLst>
          </p:cNvPr>
          <p:cNvSpPr txBox="1"/>
          <p:nvPr/>
        </p:nvSpPr>
        <p:spPr>
          <a:xfrm>
            <a:off x="800100" y="1115019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sent to Transfer Process for Wireless Service Providers</a:t>
            </a:r>
            <a:endParaRPr lang="en-US" sz="1800" b="1" dirty="0">
              <a:solidFill>
                <a:schemeClr val="bg2">
                  <a:lumMod val="10000"/>
                </a:schemeClr>
              </a:solidFill>
            </a:endParaRP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B06AC557-B1B9-AD52-FABD-661BCA65CB4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48097055"/>
              </p:ext>
            </p:extLst>
          </p:nvPr>
        </p:nvGraphicFramePr>
        <p:xfrm>
          <a:off x="1885950" y="1819275"/>
          <a:ext cx="8286749" cy="3409907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2255244">
                  <a:extLst>
                    <a:ext uri="{9D8B030D-6E8A-4147-A177-3AD203B41FA5}">
                      <a16:colId xmlns:a16="http://schemas.microsoft.com/office/drawing/2014/main" val="3528384436"/>
                    </a:ext>
                  </a:extLst>
                </a:gridCol>
                <a:gridCol w="2801393">
                  <a:extLst>
                    <a:ext uri="{9D8B030D-6E8A-4147-A177-3AD203B41FA5}">
                      <a16:colId xmlns:a16="http://schemas.microsoft.com/office/drawing/2014/main" val="1550513030"/>
                    </a:ext>
                  </a:extLst>
                </a:gridCol>
                <a:gridCol w="3230112">
                  <a:extLst>
                    <a:ext uri="{9D8B030D-6E8A-4147-A177-3AD203B41FA5}">
                      <a16:colId xmlns:a16="http://schemas.microsoft.com/office/drawing/2014/main" val="3303332144"/>
                    </a:ext>
                  </a:extLst>
                </a:gridCol>
              </a:tblGrid>
              <a:tr h="920675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Mont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Wireless Transfers (SPIA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Unauthorized Transfer Complaints Reported to the TP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21920523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June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73,780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1,73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3258443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July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33,43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,657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36597283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August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50,9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,45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123323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September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38,81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,6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01833096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October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198,81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2,21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52773659"/>
                  </a:ext>
                </a:extLst>
              </a:tr>
              <a:tr h="414872">
                <a:tc>
                  <a:txBody>
                    <a:bodyPr/>
                    <a:lstStyle/>
                    <a:p>
                      <a:pPr algn="ctr"/>
                      <a:r>
                        <a:rPr lang="en-US" sz="1600" b="1" dirty="0"/>
                        <a:t>November 20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91,98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1,25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7787871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0040302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1DE0EDD-9259-01BC-4758-CBD8C46502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5C3FE20-5326-AEB1-4F06-D6F7AB87BA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Average Seconds to Answer (ASA)</a:t>
            </a:r>
            <a:br>
              <a:rPr lang="en-US" sz="2800" dirty="0"/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DCF75D86-D404-4CA7-BD45-12B5E7B6778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522709393"/>
              </p:ext>
            </p:extLst>
          </p:nvPr>
        </p:nvGraphicFramePr>
        <p:xfrm>
          <a:off x="952499" y="1648295"/>
          <a:ext cx="9420225" cy="456200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45968420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b="0" i="0" kern="1200" dirty="0">
                <a:latin typeface="+mj-lt"/>
                <a:ea typeface="+mj-ea"/>
                <a:cs typeface="+mj-cs"/>
              </a:rPr>
              <a:t>English &amp; Spanish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DC868F4F-0F2F-494F-AEB0-75F2F1F040E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222453488"/>
              </p:ext>
            </p:extLst>
          </p:nvPr>
        </p:nvGraphicFramePr>
        <p:xfrm>
          <a:off x="1581150" y="1766953"/>
          <a:ext cx="9829800" cy="47625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1327293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911" y="195197"/>
            <a:ext cx="11277600" cy="1138773"/>
          </a:xfrm>
        </p:spPr>
        <p:txBody>
          <a:bodyPr vert="horz" wrap="square" lIns="0" tIns="45720" rIns="0" bIns="45720" rtlCol="0" anchor="ctr">
            <a:no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b="0" i="0" kern="1200" dirty="0">
                <a:latin typeface="+mj-lt"/>
                <a:ea typeface="+mj-ea"/>
                <a:cs typeface="+mj-cs"/>
              </a:rPr>
              <a:t>Other Supported Spoken Languages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4FDB2267-4718-4E32-B200-370A6A74C328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772944507"/>
              </p:ext>
            </p:extLst>
          </p:nvPr>
        </p:nvGraphicFramePr>
        <p:xfrm>
          <a:off x="657225" y="1438275"/>
          <a:ext cx="11277600" cy="47625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9206503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Webchats Handled</a:t>
            </a:r>
            <a:br>
              <a:rPr lang="en-US" sz="2800" dirty="0"/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FDD27544-1783-4E16-B03E-946C47D4619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066453274"/>
              </p:ext>
            </p:extLst>
          </p:nvPr>
        </p:nvGraphicFramePr>
        <p:xfrm>
          <a:off x="1143000" y="1648295"/>
          <a:ext cx="9686925" cy="456200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16878109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Emails Handled</a:t>
            </a:r>
            <a:br>
              <a:rPr lang="en-US" sz="2800" dirty="0"/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30F2E283-91CE-5226-E0BD-9A0BB731D70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24870441"/>
              </p:ext>
            </p:extLst>
          </p:nvPr>
        </p:nvGraphicFramePr>
        <p:xfrm>
          <a:off x="1038225" y="1648295"/>
          <a:ext cx="9858375" cy="460962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6771495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Forms Manually Processed</a:t>
            </a:r>
            <a:br>
              <a:rPr lang="en-US" sz="2800" dirty="0"/>
            </a:br>
            <a:r>
              <a:rPr lang="en-US" sz="2800" dirty="0"/>
              <a:t>June 2025 through November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3CBC99E3-B8D9-554A-9FC8-F8FE8749DDF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98479765"/>
              </p:ext>
            </p:extLst>
          </p:nvPr>
        </p:nvGraphicFramePr>
        <p:xfrm>
          <a:off x="1085850" y="1562100"/>
          <a:ext cx="9791700" cy="478637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0160021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Questions or Comments for the TPA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0BC6F2-47F4-4BAF-8070-B35ED000FD1B}"/>
              </a:ext>
            </a:extLst>
          </p:cNvPr>
          <p:cNvSpPr txBox="1"/>
          <p:nvPr/>
        </p:nvSpPr>
        <p:spPr>
          <a:xfrm>
            <a:off x="1485900" y="2409825"/>
            <a:ext cx="90297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Please submit questions or comments for the TPA to TPA@CaliforniaLifeLine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04145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E008E3-0C35-B775-9724-643EB6A014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3E6C958-5E37-D93D-DA79-D6FE2A25B85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747DFE9-FCC6-8260-A0DD-05957001FF3A}"/>
              </a:ext>
            </a:extLst>
          </p:cNvPr>
          <p:cNvSpPr txBox="1"/>
          <p:nvPr/>
        </p:nvSpPr>
        <p:spPr>
          <a:xfrm>
            <a:off x="800100" y="1115019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0" algn="ctr">
              <a:defRPr/>
            </a:pPr>
            <a:r>
              <a:rPr lang="en-US" b="1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Review Queue Categories for Income-Based Enrollment &amp; Renewal </a:t>
            </a:r>
            <a:r>
              <a:rPr lang="en-US" b="1" dirty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Applications</a:t>
            </a:r>
            <a:endParaRPr lang="en-US" b="1" dirty="0">
              <a:solidFill>
                <a:schemeClr val="tx1">
                  <a:lumMod val="50000"/>
                </a:schemeClr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ED3D5D6-143C-EB3C-0191-954C9E7D4849}"/>
              </a:ext>
            </a:extLst>
          </p:cNvPr>
          <p:cNvSpPr txBox="1"/>
          <p:nvPr/>
        </p:nvSpPr>
        <p:spPr>
          <a:xfrm>
            <a:off x="1447367" y="1689516"/>
            <a:ext cx="9426804" cy="34317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cs typeface="Arial" panose="020B0604020202020204" pitchFamily="34" charset="0"/>
              </a:rPr>
              <a:t>Due to a recent rise in suspicious income-based documentation, on </a:t>
            </a:r>
            <a:r>
              <a:rPr lang="en-US" sz="1600" b="1" dirty="0">
                <a:solidFill>
                  <a:schemeClr val="tx2"/>
                </a:solidFill>
                <a:cs typeface="Arial" panose="020B0604020202020204" pitchFamily="34" charset="0"/>
              </a:rPr>
              <a:t>Thursday, October 16</a:t>
            </a:r>
            <a:r>
              <a:rPr lang="en-US" sz="1600" dirty="0">
                <a:cs typeface="Arial" panose="020B0604020202020204" pitchFamily="34" charset="0"/>
              </a:rPr>
              <a:t>, the TPA introduced two new Regular Queue review categories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New Application – Income-based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newal Application – Income-based</a:t>
            </a:r>
          </a:p>
          <a:p>
            <a:endParaRPr lang="en-US" sz="1600" dirty="0"/>
          </a:p>
          <a:p>
            <a:r>
              <a:rPr lang="en-US" sz="1600" dirty="0"/>
              <a:t>These new categories enable the TPA system to route eligibility determination tasks based on the qualification method</a:t>
            </a:r>
          </a:p>
          <a:p>
            <a:endParaRPr lang="en-US" sz="1600" dirty="0"/>
          </a:p>
          <a:p>
            <a:r>
              <a:rPr lang="en-US" sz="1600" dirty="0"/>
              <a:t>The CPUC directed the TPA to apply enhanced scrutiny to income-based eligibility documentation. Reviewers have up to five (5) business days to complete eligibility decisions for income-based enrollment and renewal applications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sz="1600" dirty="0">
              <a:solidFill>
                <a:schemeClr val="tx1">
                  <a:lumMod val="50000"/>
                </a:schemeClr>
              </a:solidFill>
              <a:ea typeface="Calibri" panose="020F050202020403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236104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EC1AA71-5E85-845B-786F-FE9895D4DE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6DDEEDF-71AA-70D3-6B04-1E37B0773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85B460B-A7E2-F4ED-1047-75F279334201}"/>
              </a:ext>
            </a:extLst>
          </p:cNvPr>
          <p:cNvSpPr txBox="1"/>
          <p:nvPr/>
        </p:nvSpPr>
        <p:spPr>
          <a:xfrm>
            <a:off x="800100" y="1115019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0" algn="ctr">
              <a:defRPr/>
            </a:pPr>
            <a:r>
              <a:rPr lang="en-US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nual Renewal Recertification Requirement</a:t>
            </a:r>
            <a:endParaRPr lang="en-US" b="1" dirty="0">
              <a:solidFill>
                <a:srgbClr val="000000"/>
              </a:solidFill>
              <a:latin typeface="Arial" panose="020B0604020202020204" pitchFamily="34" charset="0"/>
              <a:ea typeface="Calibri" panose="020F0502020204030204" pitchFamily="34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86EF0BC-3471-0547-75FB-373001FCF75A}"/>
              </a:ext>
            </a:extLst>
          </p:cNvPr>
          <p:cNvSpPr txBox="1"/>
          <p:nvPr/>
        </p:nvSpPr>
        <p:spPr>
          <a:xfrm>
            <a:off x="1447367" y="1689516"/>
            <a:ext cx="9426804" cy="238526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Beginning </a:t>
            </a:r>
            <a:r>
              <a:rPr lang="en-US" sz="1600" b="1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ovember 6, 2025</a:t>
            </a:r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, subscribers, whose continuing LifeLine eligibility is not verified by checking an eligibility database, must submit qualifying eligibility documentation to successfully renew their LifeLine benefits</a:t>
            </a:r>
          </a:p>
          <a:p>
            <a:endParaRPr lang="en-US" sz="16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On November 6, the TPA began utilizing the Department of Health Care Services’ </a:t>
            </a:r>
            <a:r>
              <a:rPr lang="en-US" sz="1600" b="1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utomated Eligibility Verification System</a:t>
            </a:r>
            <a:r>
              <a:rPr lang="en-US" sz="1600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to check for current Medi-Cal participation for subscribers whose renewals cannot be completed based on CalFresh Confirm checks if the TPA has the subscribers’ Medi-Cal Client Index Numbers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sz="1600" dirty="0">
              <a:solidFill>
                <a:schemeClr val="tx1">
                  <a:lumMod val="50000"/>
                </a:schemeClr>
              </a:solidFill>
              <a:ea typeface="Calibri" panose="020F050202020403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419473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4B41A3-0A0F-4C43-A635-2F7021FB3E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21CA49B-BB33-E072-8786-CA0DFE294E1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5DE90AF-393F-6C77-B377-80DA8C39B66D}"/>
              </a:ext>
            </a:extLst>
          </p:cNvPr>
          <p:cNvSpPr txBox="1"/>
          <p:nvPr/>
        </p:nvSpPr>
        <p:spPr>
          <a:xfrm>
            <a:off x="870817" y="1851516"/>
            <a:ext cx="10148520" cy="338554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R="0">
              <a:spcBef>
                <a:spcPts val="600"/>
              </a:spcBef>
              <a:spcAft>
                <a:spcPts val="600"/>
              </a:spcAft>
            </a:pPr>
            <a:r>
              <a:rPr lang="en-US" sz="1600" b="1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ommission Decision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ssued August 28, 2025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ecision Number: D.25-08-050</a:t>
            </a:r>
          </a:p>
          <a:p>
            <a:pPr marR="0">
              <a:spcBef>
                <a:spcPts val="600"/>
              </a:spcBef>
              <a:spcAft>
                <a:spcPts val="600"/>
              </a:spcAft>
            </a:pPr>
            <a:r>
              <a:rPr lang="en-US" sz="1600" b="1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Program Overview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uration: 3-year pilot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Purpose: Allows eligible California households to apply the California LifeLine subsidy to qualifying broadband plans. The pilot is technology-neutral</a:t>
            </a:r>
          </a:p>
          <a:p>
            <a:pPr marR="0">
              <a:spcBef>
                <a:spcPts val="600"/>
              </a:spcBef>
              <a:spcAft>
                <a:spcPts val="600"/>
              </a:spcAft>
            </a:pPr>
            <a:r>
              <a:rPr lang="en-US" sz="1600" b="1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PA System Changes 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eployment Target Date: </a:t>
            </a:r>
            <a:r>
              <a:rPr lang="en-US" sz="1600" b="1" dirty="0">
                <a:solidFill>
                  <a:schemeClr val="tx2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onday, January 26, 2026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4A8FFB9-B7A3-547D-42C9-49B041DF2442}"/>
              </a:ext>
            </a:extLst>
          </p:cNvPr>
          <p:cNvSpPr txBox="1"/>
          <p:nvPr/>
        </p:nvSpPr>
        <p:spPr>
          <a:xfrm>
            <a:off x="492036" y="1299454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alifornia LifeLine Home Broadband Pilo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6565229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CE0C49-BE0D-DF23-44F7-75B8A4195B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5D24159-058F-B463-AE26-14A653670A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68870DA-F934-14F0-DBA6-6ABE6B3D25DD}"/>
              </a:ext>
            </a:extLst>
          </p:cNvPr>
          <p:cNvSpPr txBox="1"/>
          <p:nvPr/>
        </p:nvSpPr>
        <p:spPr>
          <a:xfrm>
            <a:off x="870817" y="1851516"/>
            <a:ext cx="10148520" cy="13849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marR="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BD – Establishing an API connection with the Department of Health Care Services Medi-Cal database to confirm applicants’ and subscribers’ eligibility for enrollments and renewals</a:t>
            </a:r>
          </a:p>
          <a:p>
            <a:pPr marL="285750" indent="-285750"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BD – Customer Portal 2.0, which will introduce a direct enrollment pathway between qualified California residents and the TPA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DB4ECEF-0B62-159B-C533-A69A86132224}"/>
              </a:ext>
            </a:extLst>
          </p:cNvPr>
          <p:cNvSpPr txBox="1"/>
          <p:nvPr/>
        </p:nvSpPr>
        <p:spPr>
          <a:xfrm>
            <a:off x="492036" y="1299454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Other Upcoming Initiatives</a:t>
            </a:r>
            <a:endParaRPr kumimoji="0" lang="en-US" sz="1800" b="1" i="0" strike="noStrike" kern="1200" cap="none" spc="0" normalizeH="0" baseline="0" noProof="0" dirty="0">
              <a:ln>
                <a:noFill/>
              </a:ln>
              <a:solidFill>
                <a:srgbClr val="E7E6E6">
                  <a:lumMod val="10000"/>
                </a:srgbClr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1526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852820" y="1282258"/>
            <a:ext cx="10136777" cy="47243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 – Trend – November 2024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 and by Technolog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By Funding Type – June 2025 through November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- Top 20 State Senate Districts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- Top 20 State Assembly Distric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Counti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ZIP Cod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Written Language Preferenc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Average Ages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8074372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10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11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12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13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14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2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3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4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5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6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7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8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ppt/theme/themeOverride9.xml><?xml version="1.0" encoding="utf-8"?>
<a:themeOverride xmlns:a="http://schemas.openxmlformats.org/drawingml/2006/main">
  <a:clrScheme name="Violet">
    <a:dk1>
      <a:sysClr val="windowText" lastClr="000000"/>
    </a:dk1>
    <a:lt1>
      <a:sysClr val="window" lastClr="FFFFFF"/>
    </a:lt1>
    <a:dk2>
      <a:srgbClr val="373545"/>
    </a:dk2>
    <a:lt2>
      <a:srgbClr val="DCD8DC"/>
    </a:lt2>
    <a:accent1>
      <a:srgbClr val="AD84C6"/>
    </a:accent1>
    <a:accent2>
      <a:srgbClr val="8784C7"/>
    </a:accent2>
    <a:accent3>
      <a:srgbClr val="5D739A"/>
    </a:accent3>
    <a:accent4>
      <a:srgbClr val="6997AF"/>
    </a:accent4>
    <a:accent5>
      <a:srgbClr val="84ACB6"/>
    </a:accent5>
    <a:accent6>
      <a:srgbClr val="6F8183"/>
    </a:accent6>
    <a:hlink>
      <a:srgbClr val="69A020"/>
    </a:hlink>
    <a:folHlink>
      <a:srgbClr val="8C8C8C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2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C9624FA-BE37-4338-AFBA-10A015DA315A}">
  <ds:schemaRefs/>
</ds:datastoreItem>
</file>

<file path=customXml/itemProps10.xml><?xml version="1.0" encoding="utf-8"?>
<ds:datastoreItem xmlns:ds="http://schemas.openxmlformats.org/officeDocument/2006/customXml" ds:itemID="{6408F70E-8E6F-43B6-A2AC-601627311299}">
  <ds:schemaRefs/>
</ds:datastoreItem>
</file>

<file path=customXml/itemProps11.xml><?xml version="1.0" encoding="utf-8"?>
<ds:datastoreItem xmlns:ds="http://schemas.openxmlformats.org/officeDocument/2006/customXml" ds:itemID="{128411A9-418A-45D5-A056-C26491A810B9}">
  <ds:schemaRefs/>
</ds:datastoreItem>
</file>

<file path=customXml/itemProps12.xml><?xml version="1.0" encoding="utf-8"?>
<ds:datastoreItem xmlns:ds="http://schemas.openxmlformats.org/officeDocument/2006/customXml" ds:itemID="{B5FA92B5-6EB2-4A06-94E4-416AD6CE5938}">
  <ds:schemaRefs/>
</ds:datastoreItem>
</file>

<file path=customXml/itemProps13.xml><?xml version="1.0" encoding="utf-8"?>
<ds:datastoreItem xmlns:ds="http://schemas.openxmlformats.org/officeDocument/2006/customXml" ds:itemID="{DA72A271-C888-49FD-9852-443D50955458}">
  <ds:schemaRefs/>
</ds:datastoreItem>
</file>

<file path=customXml/itemProps14.xml><?xml version="1.0" encoding="utf-8"?>
<ds:datastoreItem xmlns:ds="http://schemas.openxmlformats.org/officeDocument/2006/customXml" ds:itemID="{402812C8-590F-483F-AA00-FDBA5EEEE228}">
  <ds:schemaRefs/>
</ds:datastoreItem>
</file>

<file path=customXml/itemProps15.xml><?xml version="1.0" encoding="utf-8"?>
<ds:datastoreItem xmlns:ds="http://schemas.openxmlformats.org/officeDocument/2006/customXml" ds:itemID="{726E7203-3EF1-4165-B78F-924B96384C2C}">
  <ds:schemaRefs/>
</ds:datastoreItem>
</file>

<file path=customXml/itemProps16.xml><?xml version="1.0" encoding="utf-8"?>
<ds:datastoreItem xmlns:ds="http://schemas.openxmlformats.org/officeDocument/2006/customXml" ds:itemID="{3A6A5395-C6F1-4C26-9F5A-D098F680BEA3}">
  <ds:schemaRefs/>
</ds:datastoreItem>
</file>

<file path=customXml/itemProps17.xml><?xml version="1.0" encoding="utf-8"?>
<ds:datastoreItem xmlns:ds="http://schemas.openxmlformats.org/officeDocument/2006/customXml" ds:itemID="{285C53F3-695B-47DB-A4C1-BB45C759B6E1}">
  <ds:schemaRefs/>
</ds:datastoreItem>
</file>

<file path=customXml/itemProps18.xml><?xml version="1.0" encoding="utf-8"?>
<ds:datastoreItem xmlns:ds="http://schemas.openxmlformats.org/officeDocument/2006/customXml" ds:itemID="{430067A2-7DA8-4AE8-9076-0C577D75B339}">
  <ds:schemaRefs/>
</ds:datastoreItem>
</file>

<file path=customXml/itemProps19.xml><?xml version="1.0" encoding="utf-8"?>
<ds:datastoreItem xmlns:ds="http://schemas.openxmlformats.org/officeDocument/2006/customXml" ds:itemID="{05ED1BAA-6A3D-49DE-9D81-5BF8213B7F0A}">
  <ds:schemaRefs/>
</ds:datastoreItem>
</file>

<file path=customXml/itemProps2.xml><?xml version="1.0" encoding="utf-8"?>
<ds:datastoreItem xmlns:ds="http://schemas.openxmlformats.org/officeDocument/2006/customXml" ds:itemID="{66553269-4FF6-4D45-9727-85E374EDFFA8}">
  <ds:schemaRefs/>
</ds:datastoreItem>
</file>

<file path=customXml/itemProps20.xml><?xml version="1.0" encoding="utf-8"?>
<ds:datastoreItem xmlns:ds="http://schemas.openxmlformats.org/officeDocument/2006/customXml" ds:itemID="{5239DF1F-0C5E-4BFF-82DF-6D8A90C18BC8}">
  <ds:schemaRefs/>
</ds:datastoreItem>
</file>

<file path=customXml/itemProps21.xml><?xml version="1.0" encoding="utf-8"?>
<ds:datastoreItem xmlns:ds="http://schemas.openxmlformats.org/officeDocument/2006/customXml" ds:itemID="{F5C3296E-B0A2-4A6E-8C7E-28BA219D277F}">
  <ds:schemaRefs/>
</ds:datastoreItem>
</file>

<file path=customXml/itemProps22.xml><?xml version="1.0" encoding="utf-8"?>
<ds:datastoreItem xmlns:ds="http://schemas.openxmlformats.org/officeDocument/2006/customXml" ds:itemID="{EBE27C63-5209-476B-A271-1A215C1321CD}">
  <ds:schemaRefs/>
</ds:datastoreItem>
</file>

<file path=customXml/itemProps23.xml><?xml version="1.0" encoding="utf-8"?>
<ds:datastoreItem xmlns:ds="http://schemas.openxmlformats.org/officeDocument/2006/customXml" ds:itemID="{C312F0CD-5FCB-4EDB-A51F-B43E2607B1C9}">
  <ds:schemaRefs/>
</ds:datastoreItem>
</file>

<file path=customXml/itemProps24.xml><?xml version="1.0" encoding="utf-8"?>
<ds:datastoreItem xmlns:ds="http://schemas.openxmlformats.org/officeDocument/2006/customXml" ds:itemID="{41E61236-33EC-40F0-81B9-779A622B931D}">
  <ds:schemaRefs/>
</ds:datastoreItem>
</file>

<file path=customXml/itemProps25.xml><?xml version="1.0" encoding="utf-8"?>
<ds:datastoreItem xmlns:ds="http://schemas.openxmlformats.org/officeDocument/2006/customXml" ds:itemID="{B9069622-307F-4893-89DB-7F26F04E35A9}">
  <ds:schemaRefs/>
</ds:datastoreItem>
</file>

<file path=customXml/itemProps26.xml><?xml version="1.0" encoding="utf-8"?>
<ds:datastoreItem xmlns:ds="http://schemas.openxmlformats.org/officeDocument/2006/customXml" ds:itemID="{8CB62D6E-B2E6-4CF8-90CE-A808CC803162}">
  <ds:schemaRefs/>
</ds:datastoreItem>
</file>

<file path=customXml/itemProps27.xml><?xml version="1.0" encoding="utf-8"?>
<ds:datastoreItem xmlns:ds="http://schemas.openxmlformats.org/officeDocument/2006/customXml" ds:itemID="{7A462F18-985F-493E-8B53-BF0D50A8DF5B}">
  <ds:schemaRefs/>
</ds:datastoreItem>
</file>

<file path=customXml/itemProps28.xml><?xml version="1.0" encoding="utf-8"?>
<ds:datastoreItem xmlns:ds="http://schemas.openxmlformats.org/officeDocument/2006/customXml" ds:itemID="{5DE8B174-FA10-42B1-8B05-0CA67F0C5FE1}">
  <ds:schemaRefs/>
</ds:datastoreItem>
</file>

<file path=customXml/itemProps29.xml><?xml version="1.0" encoding="utf-8"?>
<ds:datastoreItem xmlns:ds="http://schemas.openxmlformats.org/officeDocument/2006/customXml" ds:itemID="{BE345EFA-2517-4EC0-A976-21424F4206EB}">
  <ds:schemaRefs/>
</ds:datastoreItem>
</file>

<file path=customXml/itemProps3.xml><?xml version="1.0" encoding="utf-8"?>
<ds:datastoreItem xmlns:ds="http://schemas.openxmlformats.org/officeDocument/2006/customXml" ds:itemID="{BEA9EFE8-435D-4264-9D4E-7E8FA8CEB3FA}">
  <ds:schemaRefs>
    <ds:schemaRef ds:uri="http://purl.org/dc/terms/"/>
    <ds:schemaRef ds:uri="http://purl.org/dc/dcmitype/"/>
    <ds:schemaRef ds:uri="http://schemas.microsoft.com/office/2006/metadata/properties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d08b0760-57dd-437e-be5d-5105d6842521"/>
    <ds:schemaRef ds:uri="64bed620-86a9-426b-81ad-a74481fd4b72"/>
    <ds:schemaRef ds:uri="http://www.w3.org/XML/1998/namespace"/>
    <ds:schemaRef ds:uri="http://purl.org/dc/elements/1.1/"/>
  </ds:schemaRefs>
</ds:datastoreItem>
</file>

<file path=customXml/itemProps30.xml><?xml version="1.0" encoding="utf-8"?>
<ds:datastoreItem xmlns:ds="http://schemas.openxmlformats.org/officeDocument/2006/customXml" ds:itemID="{6DB265A6-E8AC-45CA-BF19-CE9B3527FD48}">
  <ds:schemaRefs/>
</ds:datastoreItem>
</file>

<file path=customXml/itemProps31.xml><?xml version="1.0" encoding="utf-8"?>
<ds:datastoreItem xmlns:ds="http://schemas.openxmlformats.org/officeDocument/2006/customXml" ds:itemID="{6EDAD7FE-4897-4B59-B75D-6368592C5C4D}">
  <ds:schemaRefs/>
</ds:datastoreItem>
</file>

<file path=customXml/itemProps32.xml><?xml version="1.0" encoding="utf-8"?>
<ds:datastoreItem xmlns:ds="http://schemas.openxmlformats.org/officeDocument/2006/customXml" ds:itemID="{30C93D8B-E412-4A8F-99C4-0FC7B514528C}">
  <ds:schemaRefs/>
</ds:datastoreItem>
</file>

<file path=customXml/itemProps33.xml><?xml version="1.0" encoding="utf-8"?>
<ds:datastoreItem xmlns:ds="http://schemas.openxmlformats.org/officeDocument/2006/customXml" ds:itemID="{A26EECD5-3EE3-4AA5-A331-236F8A667C4F}">
  <ds:schemaRefs/>
</ds:datastoreItem>
</file>

<file path=customXml/itemProps34.xml><?xml version="1.0" encoding="utf-8"?>
<ds:datastoreItem xmlns:ds="http://schemas.openxmlformats.org/officeDocument/2006/customXml" ds:itemID="{3A80E705-F826-42F6-BA6C-DEEBC4B4D212}">
  <ds:schemaRefs/>
</ds:datastoreItem>
</file>

<file path=customXml/itemProps35.xml><?xml version="1.0" encoding="utf-8"?>
<ds:datastoreItem xmlns:ds="http://schemas.openxmlformats.org/officeDocument/2006/customXml" ds:itemID="{C973095E-AE50-408D-847D-CE9FC2EA4133}">
  <ds:schemaRefs/>
</ds:datastoreItem>
</file>

<file path=customXml/itemProps36.xml><?xml version="1.0" encoding="utf-8"?>
<ds:datastoreItem xmlns:ds="http://schemas.openxmlformats.org/officeDocument/2006/customXml" ds:itemID="{7796FC4B-841A-4C15-9EB8-9566FD9BD423}">
  <ds:schemaRefs/>
</ds:datastoreItem>
</file>

<file path=customXml/itemProps37.xml><?xml version="1.0" encoding="utf-8"?>
<ds:datastoreItem xmlns:ds="http://schemas.openxmlformats.org/officeDocument/2006/customXml" ds:itemID="{7ADD5BF4-8235-47F9-8CD9-91AC91AA2BC9}">
  <ds:schemaRefs/>
</ds:datastoreItem>
</file>

<file path=customXml/itemProps38.xml><?xml version="1.0" encoding="utf-8"?>
<ds:datastoreItem xmlns:ds="http://schemas.openxmlformats.org/officeDocument/2006/customXml" ds:itemID="{39BC0DC1-3599-4BAA-9AAF-907C07E9BFE1}">
  <ds:schemaRefs/>
</ds:datastoreItem>
</file>

<file path=customXml/itemProps39.xml><?xml version="1.0" encoding="utf-8"?>
<ds:datastoreItem xmlns:ds="http://schemas.openxmlformats.org/officeDocument/2006/customXml" ds:itemID="{E4F23093-5F2F-4934-A1A2-7FBCC3C3E48C}">
  <ds:schemaRefs/>
</ds:datastoreItem>
</file>

<file path=customXml/itemProps4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0.xml><?xml version="1.0" encoding="utf-8"?>
<ds:datastoreItem xmlns:ds="http://schemas.openxmlformats.org/officeDocument/2006/customXml" ds:itemID="{FD33E501-6369-4C00-811E-C6FFDAC2434B}">
  <ds:schemaRefs/>
</ds:datastoreItem>
</file>

<file path=customXml/itemProps41.xml><?xml version="1.0" encoding="utf-8"?>
<ds:datastoreItem xmlns:ds="http://schemas.openxmlformats.org/officeDocument/2006/customXml" ds:itemID="{123A6C40-0957-49A7-87E9-760895FBBD94}">
  <ds:schemaRefs/>
</ds:datastoreItem>
</file>

<file path=customXml/itemProps42.xml><?xml version="1.0" encoding="utf-8"?>
<ds:datastoreItem xmlns:ds="http://schemas.openxmlformats.org/officeDocument/2006/customXml" ds:itemID="{4250F103-ACF8-41AC-A29F-57AD86B52C88}">
  <ds:schemaRefs/>
</ds:datastoreItem>
</file>

<file path=customXml/itemProps43.xml><?xml version="1.0" encoding="utf-8"?>
<ds:datastoreItem xmlns:ds="http://schemas.openxmlformats.org/officeDocument/2006/customXml" ds:itemID="{32D15880-7245-474C-91FF-2F5C3A21FC5E}">
  <ds:schemaRefs/>
</ds:datastoreItem>
</file>

<file path=customXml/itemProps44.xml><?xml version="1.0" encoding="utf-8"?>
<ds:datastoreItem xmlns:ds="http://schemas.openxmlformats.org/officeDocument/2006/customXml" ds:itemID="{BB9D7D2B-409F-461E-8222-7088A479B6D4}">
  <ds:schemaRefs/>
</ds:datastoreItem>
</file>

<file path=customXml/itemProps45.xml><?xml version="1.0" encoding="utf-8"?>
<ds:datastoreItem xmlns:ds="http://schemas.openxmlformats.org/officeDocument/2006/customXml" ds:itemID="{A5631EFE-896A-4E21-A971-86250BD0485C}">
  <ds:schemaRefs/>
</ds:datastoreItem>
</file>

<file path=customXml/itemProps46.xml><?xml version="1.0" encoding="utf-8"?>
<ds:datastoreItem xmlns:ds="http://schemas.openxmlformats.org/officeDocument/2006/customXml" ds:itemID="{2A50CB9C-72E6-42B6-AEB0-93DBBAB5AA9B}">
  <ds:schemaRefs/>
</ds:datastoreItem>
</file>

<file path=customXml/itemProps47.xml><?xml version="1.0" encoding="utf-8"?>
<ds:datastoreItem xmlns:ds="http://schemas.openxmlformats.org/officeDocument/2006/customXml" ds:itemID="{71F8FD4F-DE94-4160-85B6-AFA450C5F9E1}">
  <ds:schemaRefs/>
</ds:datastoreItem>
</file>

<file path=customXml/itemProps48.xml><?xml version="1.0" encoding="utf-8"?>
<ds:datastoreItem xmlns:ds="http://schemas.openxmlformats.org/officeDocument/2006/customXml" ds:itemID="{7BAB2A61-E46E-447F-B1F0-A9BE16EC83B3}">
  <ds:schemaRefs/>
</ds:datastoreItem>
</file>

<file path=customXml/itemProps49.xml><?xml version="1.0" encoding="utf-8"?>
<ds:datastoreItem xmlns:ds="http://schemas.openxmlformats.org/officeDocument/2006/customXml" ds:itemID="{177CDBC6-561F-4C8E-AF80-E6147DBAC042}">
  <ds:schemaRefs/>
</ds:datastoreItem>
</file>

<file path=customXml/itemProps5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50.xml><?xml version="1.0" encoding="utf-8"?>
<ds:datastoreItem xmlns:ds="http://schemas.openxmlformats.org/officeDocument/2006/customXml" ds:itemID="{1160C00C-046E-446A-8F84-FB10D660708B}">
  <ds:schemaRefs/>
</ds:datastoreItem>
</file>

<file path=customXml/itemProps51.xml><?xml version="1.0" encoding="utf-8"?>
<ds:datastoreItem xmlns:ds="http://schemas.openxmlformats.org/officeDocument/2006/customXml" ds:itemID="{2DD83FC3-CE12-4A7D-AB17-F6A5B5316B66}">
  <ds:schemaRefs/>
</ds:datastoreItem>
</file>

<file path=customXml/itemProps52.xml><?xml version="1.0" encoding="utf-8"?>
<ds:datastoreItem xmlns:ds="http://schemas.openxmlformats.org/officeDocument/2006/customXml" ds:itemID="{305F0E4A-A32A-4554-840F-4F2C39239FC6}">
  <ds:schemaRefs/>
</ds:datastoreItem>
</file>

<file path=customXml/itemProps53.xml><?xml version="1.0" encoding="utf-8"?>
<ds:datastoreItem xmlns:ds="http://schemas.openxmlformats.org/officeDocument/2006/customXml" ds:itemID="{4E0AF2B5-8B29-4D55-8682-6E4E3E63AE9C}">
  <ds:schemaRefs/>
</ds:datastoreItem>
</file>

<file path=customXml/itemProps54.xml><?xml version="1.0" encoding="utf-8"?>
<ds:datastoreItem xmlns:ds="http://schemas.openxmlformats.org/officeDocument/2006/customXml" ds:itemID="{67000A6F-3ED0-4A7D-8A3C-1113DB44E857}">
  <ds:schemaRefs/>
</ds:datastoreItem>
</file>

<file path=customXml/itemProps55.xml><?xml version="1.0" encoding="utf-8"?>
<ds:datastoreItem xmlns:ds="http://schemas.openxmlformats.org/officeDocument/2006/customXml" ds:itemID="{471622C6-30C5-4774-A0C3-6DD2FA85F2CF}">
  <ds:schemaRefs/>
</ds:datastoreItem>
</file>

<file path=customXml/itemProps56.xml><?xml version="1.0" encoding="utf-8"?>
<ds:datastoreItem xmlns:ds="http://schemas.openxmlformats.org/officeDocument/2006/customXml" ds:itemID="{E639DD27-BC52-4222-BE2F-CF31DFBFBA9F}">
  <ds:schemaRefs/>
</ds:datastoreItem>
</file>

<file path=customXml/itemProps57.xml><?xml version="1.0" encoding="utf-8"?>
<ds:datastoreItem xmlns:ds="http://schemas.openxmlformats.org/officeDocument/2006/customXml" ds:itemID="{B3EDA849-D9F4-4AB9-B5F6-4CFB56FEB7E7}">
  <ds:schemaRefs/>
</ds:datastoreItem>
</file>

<file path=customXml/itemProps58.xml><?xml version="1.0" encoding="utf-8"?>
<ds:datastoreItem xmlns:ds="http://schemas.openxmlformats.org/officeDocument/2006/customXml" ds:itemID="{BE47F78B-B944-40FF-8573-1F62932DAF50}">
  <ds:schemaRefs/>
</ds:datastoreItem>
</file>

<file path=customXml/itemProps59.xml><?xml version="1.0" encoding="utf-8"?>
<ds:datastoreItem xmlns:ds="http://schemas.openxmlformats.org/officeDocument/2006/customXml" ds:itemID="{FA5DBE9D-E301-446D-A523-82CA5BA6BE16}">
  <ds:schemaRefs/>
</ds:datastoreItem>
</file>

<file path=customXml/itemProps6.xml><?xml version="1.0" encoding="utf-8"?>
<ds:datastoreItem xmlns:ds="http://schemas.openxmlformats.org/officeDocument/2006/customXml" ds:itemID="{47C1C4D1-2AA0-4E2D-9B5F-D6FD321DB166}">
  <ds:schemaRefs/>
</ds:datastoreItem>
</file>

<file path=customXml/itemProps60.xml><?xml version="1.0" encoding="utf-8"?>
<ds:datastoreItem xmlns:ds="http://schemas.openxmlformats.org/officeDocument/2006/customXml" ds:itemID="{0CAF2786-7332-4BAB-9BC4-8FF4592FEC37}">
  <ds:schemaRefs/>
</ds:datastoreItem>
</file>

<file path=customXml/itemProps61.xml><?xml version="1.0" encoding="utf-8"?>
<ds:datastoreItem xmlns:ds="http://schemas.openxmlformats.org/officeDocument/2006/customXml" ds:itemID="{24B8DCBD-3428-4DD3-BA21-43222CE03F44}">
  <ds:schemaRefs/>
</ds:datastoreItem>
</file>

<file path=customXml/itemProps62.xml><?xml version="1.0" encoding="utf-8"?>
<ds:datastoreItem xmlns:ds="http://schemas.openxmlformats.org/officeDocument/2006/customXml" ds:itemID="{9BE09431-D879-40B6-86A1-8AF5A62EB1A7}">
  <ds:schemaRefs/>
</ds:datastoreItem>
</file>

<file path=customXml/itemProps63.xml><?xml version="1.0" encoding="utf-8"?>
<ds:datastoreItem xmlns:ds="http://schemas.openxmlformats.org/officeDocument/2006/customXml" ds:itemID="{EA1488D5-6D39-40A8-8934-6CF48075D0F7}">
  <ds:schemaRefs/>
</ds:datastoreItem>
</file>

<file path=customXml/itemProps64.xml><?xml version="1.0" encoding="utf-8"?>
<ds:datastoreItem xmlns:ds="http://schemas.openxmlformats.org/officeDocument/2006/customXml" ds:itemID="{5F658EEE-6235-4B09-9CA3-1A12F59B3917}">
  <ds:schemaRefs/>
</ds:datastoreItem>
</file>

<file path=customXml/itemProps65.xml><?xml version="1.0" encoding="utf-8"?>
<ds:datastoreItem xmlns:ds="http://schemas.openxmlformats.org/officeDocument/2006/customXml" ds:itemID="{76FF478C-EBC1-46D7-ADDA-1ACE9F3EEFFA}">
  <ds:schemaRefs/>
</ds:datastoreItem>
</file>

<file path=customXml/itemProps66.xml><?xml version="1.0" encoding="utf-8"?>
<ds:datastoreItem xmlns:ds="http://schemas.openxmlformats.org/officeDocument/2006/customXml" ds:itemID="{672DA79E-AA62-42FA-B34B-1B158753B0A5}">
  <ds:schemaRefs/>
</ds:datastoreItem>
</file>

<file path=customXml/itemProps67.xml><?xml version="1.0" encoding="utf-8"?>
<ds:datastoreItem xmlns:ds="http://schemas.openxmlformats.org/officeDocument/2006/customXml" ds:itemID="{1B60E64A-18E1-48A6-83FF-5B0D2D66A292}">
  <ds:schemaRefs/>
</ds:datastoreItem>
</file>

<file path=customXml/itemProps68.xml><?xml version="1.0" encoding="utf-8"?>
<ds:datastoreItem xmlns:ds="http://schemas.openxmlformats.org/officeDocument/2006/customXml" ds:itemID="{A098F3CE-032A-4D4F-87C5-B53611BF1A7F}">
  <ds:schemaRefs/>
</ds:datastoreItem>
</file>

<file path=customXml/itemProps69.xml><?xml version="1.0" encoding="utf-8"?>
<ds:datastoreItem xmlns:ds="http://schemas.openxmlformats.org/officeDocument/2006/customXml" ds:itemID="{9671EC5C-A300-405A-87BA-BD843A8EFBAD}">
  <ds:schemaRefs/>
</ds:datastoreItem>
</file>

<file path=customXml/itemProps7.xml><?xml version="1.0" encoding="utf-8"?>
<ds:datastoreItem xmlns:ds="http://schemas.openxmlformats.org/officeDocument/2006/customXml" ds:itemID="{2F91A98B-433B-412D-8A70-96F9008AB9F3}">
  <ds:schemaRefs/>
</ds:datastoreItem>
</file>

<file path=customXml/itemProps70.xml><?xml version="1.0" encoding="utf-8"?>
<ds:datastoreItem xmlns:ds="http://schemas.openxmlformats.org/officeDocument/2006/customXml" ds:itemID="{B3DCD8D5-822F-4693-8221-159F02362F5F}">
  <ds:schemaRefs/>
</ds:datastoreItem>
</file>

<file path=customXml/itemProps71.xml><?xml version="1.0" encoding="utf-8"?>
<ds:datastoreItem xmlns:ds="http://schemas.openxmlformats.org/officeDocument/2006/customXml" ds:itemID="{6CDB2BA5-7028-4DDA-BF22-A0AAABFE730E}">
  <ds:schemaRefs/>
</ds:datastoreItem>
</file>

<file path=customXml/itemProps72.xml><?xml version="1.0" encoding="utf-8"?>
<ds:datastoreItem xmlns:ds="http://schemas.openxmlformats.org/officeDocument/2006/customXml" ds:itemID="{7ABE7966-75EB-4788-88FA-237482FDDE35}">
  <ds:schemaRefs/>
</ds:datastoreItem>
</file>

<file path=customXml/itemProps73.xml><?xml version="1.0" encoding="utf-8"?>
<ds:datastoreItem xmlns:ds="http://schemas.openxmlformats.org/officeDocument/2006/customXml" ds:itemID="{BD1E68A5-F53A-4CD7-8938-10952E90BE05}">
  <ds:schemaRefs/>
</ds:datastoreItem>
</file>

<file path=customXml/itemProps74.xml><?xml version="1.0" encoding="utf-8"?>
<ds:datastoreItem xmlns:ds="http://schemas.openxmlformats.org/officeDocument/2006/customXml" ds:itemID="{55C759F1-1659-4B4B-A83B-D256EA7D61C5}">
  <ds:schemaRefs/>
</ds:datastoreItem>
</file>

<file path=customXml/itemProps75.xml><?xml version="1.0" encoding="utf-8"?>
<ds:datastoreItem xmlns:ds="http://schemas.openxmlformats.org/officeDocument/2006/customXml" ds:itemID="{4F3A8CDE-EB6C-4A47-AB71-9AEAF48C12C4}">
  <ds:schemaRefs/>
</ds:datastoreItem>
</file>

<file path=customXml/itemProps76.xml><?xml version="1.0" encoding="utf-8"?>
<ds:datastoreItem xmlns:ds="http://schemas.openxmlformats.org/officeDocument/2006/customXml" ds:itemID="{C8FEEB92-E430-4109-9330-15CCE1FFEBA8}">
  <ds:schemaRefs/>
</ds:datastoreItem>
</file>

<file path=customXml/itemProps77.xml><?xml version="1.0" encoding="utf-8"?>
<ds:datastoreItem xmlns:ds="http://schemas.openxmlformats.org/officeDocument/2006/customXml" ds:itemID="{D6106447-B329-42FC-A072-D6490744F192}">
  <ds:schemaRefs/>
</ds:datastoreItem>
</file>

<file path=customXml/itemProps78.xml><?xml version="1.0" encoding="utf-8"?>
<ds:datastoreItem xmlns:ds="http://schemas.openxmlformats.org/officeDocument/2006/customXml" ds:itemID="{B577C770-9384-47A9-A1DF-F43735A4EA5E}">
  <ds:schemaRefs/>
</ds:datastoreItem>
</file>

<file path=customXml/itemProps79.xml><?xml version="1.0" encoding="utf-8"?>
<ds:datastoreItem xmlns:ds="http://schemas.openxmlformats.org/officeDocument/2006/customXml" ds:itemID="{813099AF-75B8-45A4-BED7-4546BE969788}">
  <ds:schemaRefs/>
</ds:datastoreItem>
</file>

<file path=customXml/itemProps8.xml><?xml version="1.0" encoding="utf-8"?>
<ds:datastoreItem xmlns:ds="http://schemas.openxmlformats.org/officeDocument/2006/customXml" ds:itemID="{1490A74D-4906-4A11-B113-5C483BCBF432}">
  <ds:schemaRefs/>
</ds:datastoreItem>
</file>

<file path=customXml/itemProps80.xml><?xml version="1.0" encoding="utf-8"?>
<ds:datastoreItem xmlns:ds="http://schemas.openxmlformats.org/officeDocument/2006/customXml" ds:itemID="{217EA1EC-90D8-4D4D-AEC1-5A080F3FA89C}">
  <ds:schemaRefs/>
</ds:datastoreItem>
</file>

<file path=customXml/itemProps81.xml><?xml version="1.0" encoding="utf-8"?>
<ds:datastoreItem xmlns:ds="http://schemas.openxmlformats.org/officeDocument/2006/customXml" ds:itemID="{78385EB6-83CC-423C-9674-292A4C6ACF6D}">
  <ds:schemaRefs/>
</ds:datastoreItem>
</file>

<file path=customXml/itemProps82.xml><?xml version="1.0" encoding="utf-8"?>
<ds:datastoreItem xmlns:ds="http://schemas.openxmlformats.org/officeDocument/2006/customXml" ds:itemID="{D904C7E7-C9F9-4879-A822-D92156A1B29C}">
  <ds:schemaRefs/>
</ds:datastoreItem>
</file>

<file path=customXml/itemProps83.xml><?xml version="1.0" encoding="utf-8"?>
<ds:datastoreItem xmlns:ds="http://schemas.openxmlformats.org/officeDocument/2006/customXml" ds:itemID="{CB1EFDAD-C505-4827-AF32-7ACC2AF19E72}">
  <ds:schemaRefs/>
</ds:datastoreItem>
</file>

<file path=customXml/itemProps84.xml><?xml version="1.0" encoding="utf-8"?>
<ds:datastoreItem xmlns:ds="http://schemas.openxmlformats.org/officeDocument/2006/customXml" ds:itemID="{A397F10C-C440-49D0-BFCC-6203E8B4A5E2}">
  <ds:schemaRefs/>
</ds:datastoreItem>
</file>

<file path=customXml/itemProps85.xml><?xml version="1.0" encoding="utf-8"?>
<ds:datastoreItem xmlns:ds="http://schemas.openxmlformats.org/officeDocument/2006/customXml" ds:itemID="{DC1FFDE0-0B31-4817-864A-15A90A60C8D1}">
  <ds:schemaRefs/>
</ds:datastoreItem>
</file>

<file path=customXml/itemProps86.xml><?xml version="1.0" encoding="utf-8"?>
<ds:datastoreItem xmlns:ds="http://schemas.openxmlformats.org/officeDocument/2006/customXml" ds:itemID="{D558669E-22A9-47D3-8BB0-EBCCE3E09825}">
  <ds:schemaRefs/>
</ds:datastoreItem>
</file>

<file path=customXml/itemProps87.xml><?xml version="1.0" encoding="utf-8"?>
<ds:datastoreItem xmlns:ds="http://schemas.openxmlformats.org/officeDocument/2006/customXml" ds:itemID="{BB55E44D-CE20-4113-9DAD-9C5F2E08A30D}">
  <ds:schemaRefs/>
</ds:datastoreItem>
</file>

<file path=customXml/itemProps88.xml><?xml version="1.0" encoding="utf-8"?>
<ds:datastoreItem xmlns:ds="http://schemas.openxmlformats.org/officeDocument/2006/customXml" ds:itemID="{118695AB-EACA-42E5-A990-6D96752DC2B8}">
  <ds:schemaRefs/>
</ds:datastoreItem>
</file>

<file path=customXml/itemProps89.xml><?xml version="1.0" encoding="utf-8"?>
<ds:datastoreItem xmlns:ds="http://schemas.openxmlformats.org/officeDocument/2006/customXml" ds:itemID="{9044E33A-B554-4DDF-AE8E-C0D029A57285}">
  <ds:schemaRefs/>
</ds:datastoreItem>
</file>

<file path=customXml/itemProps9.xml><?xml version="1.0" encoding="utf-8"?>
<ds:datastoreItem xmlns:ds="http://schemas.openxmlformats.org/officeDocument/2006/customXml" ds:itemID="{41A61D0F-DA0C-4B7D-9AC9-7D85B091367A}">
  <ds:schemaRefs/>
</ds:datastoreItem>
</file>

<file path=customXml/itemProps90.xml><?xml version="1.0" encoding="utf-8"?>
<ds:datastoreItem xmlns:ds="http://schemas.openxmlformats.org/officeDocument/2006/customXml" ds:itemID="{A4B7408E-431A-4A47-A94B-9BCE0E65EFEF}">
  <ds:schemaRefs/>
</ds:datastoreItem>
</file>

<file path=customXml/itemProps91.xml><?xml version="1.0" encoding="utf-8"?>
<ds:datastoreItem xmlns:ds="http://schemas.openxmlformats.org/officeDocument/2006/customXml" ds:itemID="{989B86C6-AD8A-46F4-B72D-A0E0EA875A1D}">
  <ds:schemaRefs/>
</ds:datastoreItem>
</file>

<file path=customXml/itemProps92.xml><?xml version="1.0" encoding="utf-8"?>
<ds:datastoreItem xmlns:ds="http://schemas.openxmlformats.org/officeDocument/2006/customXml" ds:itemID="{314467A8-9018-4F6B-8746-70BAA1144B02}">
  <ds:schemaRefs/>
</ds:datastoreItem>
</file>

<file path=customXml/itemProps93.xml><?xml version="1.0" encoding="utf-8"?>
<ds:datastoreItem xmlns:ds="http://schemas.openxmlformats.org/officeDocument/2006/customXml" ds:itemID="{77500970-E80D-4378-B17F-4B466546FBE0}">
  <ds:schemaRefs/>
</ds:datastoreItem>
</file>

<file path=customXml/itemProps94.xml><?xml version="1.0" encoding="utf-8"?>
<ds:datastoreItem xmlns:ds="http://schemas.openxmlformats.org/officeDocument/2006/customXml" ds:itemID="{67DD716D-B2C9-4F6B-B30D-A8AECBD49A12}">
  <ds:schemaRefs/>
</ds:datastoreItem>
</file>

<file path=customXml/itemProps95.xml><?xml version="1.0" encoding="utf-8"?>
<ds:datastoreItem xmlns:ds="http://schemas.openxmlformats.org/officeDocument/2006/customXml" ds:itemID="{9AE22200-080D-4C2D-8DA2-53AD4185D757}">
  <ds:schemaRefs/>
</ds:datastoreItem>
</file>

<file path=customXml/itemProps96.xml><?xml version="1.0" encoding="utf-8"?>
<ds:datastoreItem xmlns:ds="http://schemas.openxmlformats.org/officeDocument/2006/customXml" ds:itemID="{3A4F31A8-428D-467E-994A-8BF8F117B602}">
  <ds:schemaRefs/>
</ds:datastoreItem>
</file>

<file path=customXml/itemProps97.xml><?xml version="1.0" encoding="utf-8"?>
<ds:datastoreItem xmlns:ds="http://schemas.openxmlformats.org/officeDocument/2006/customXml" ds:itemID="{6B0D54D4-BCD3-407E-BC1F-935CE0FCC1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9672</TotalTime>
  <Words>2431</Words>
  <Application>Microsoft Office PowerPoint</Application>
  <PresentationFormat>Widescreen</PresentationFormat>
  <Paragraphs>872</Paragraphs>
  <Slides>4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6</vt:i4>
      </vt:variant>
    </vt:vector>
  </HeadingPairs>
  <TitlesOfParts>
    <vt:vector size="51" baseType="lpstr">
      <vt:lpstr>Arial</vt:lpstr>
      <vt:lpstr>Avenir Next</vt:lpstr>
      <vt:lpstr>Calibri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rogram Participation – Active LifeLine Subscribers - Trend</vt:lpstr>
      <vt:lpstr>Active Subscribers Top 5 Service Providers By Subscriber Count</vt:lpstr>
      <vt:lpstr>Active Subscribers Top 5 Service Providers by Subscriber Count and by Technology</vt:lpstr>
      <vt:lpstr>Active Subscriber By Funding Type  June 2025 through November 2025</vt:lpstr>
      <vt:lpstr>Active Subscribers - Top 20 State Senate Districts</vt:lpstr>
      <vt:lpstr>Active Subscribers - Top 20 State Assembly Districts</vt:lpstr>
      <vt:lpstr>Active Subscribers - Top 20 Counties</vt:lpstr>
      <vt:lpstr>Active Subscribers - Top 20 ZIP Codes</vt:lpstr>
      <vt:lpstr>Active Subscribers – Written Language Preferences</vt:lpstr>
      <vt:lpstr>Active Subscribers – Average Ages</vt:lpstr>
      <vt:lpstr>Customer Portal – Registered Users </vt:lpstr>
      <vt:lpstr>Subscriber Reported Demographics Household Income</vt:lpstr>
      <vt:lpstr>Subscriber Reported Demographics Gender</vt:lpstr>
      <vt:lpstr>Subscriber Reported Demographics Race</vt:lpstr>
      <vt:lpstr>Subscriber Reported Demographics Asian Ethnicity</vt:lpstr>
      <vt:lpstr>Subscriber Reported Demographics Pacific Islander Ethnicity</vt:lpstr>
      <vt:lpstr>Response &amp; Approval Rates – All Form Types June 2025 through November 2025</vt:lpstr>
      <vt:lpstr>Enrollment Application Volume by Received Channel June 2025 through November 2025</vt:lpstr>
      <vt:lpstr>Renewal Applications Submitted by Received Channel  June 2025 through November 2025</vt:lpstr>
      <vt:lpstr>Enrollment Eligibility Methods – Program Versus Income</vt:lpstr>
      <vt:lpstr>Enrollment Eligibility Methods – By Qualifying Program</vt:lpstr>
      <vt:lpstr>PowerPoint Presentation</vt:lpstr>
      <vt:lpstr>PowerPoint Presentation</vt:lpstr>
      <vt:lpstr>Renewal Rate Renewal Processes Starting September 6, 2024, through September 5, 2025*</vt:lpstr>
      <vt:lpstr>CalFresh Confirm Match Rates Renewal Processes Starting September 6, 2024, through September 5, 2025*</vt:lpstr>
      <vt:lpstr>Standalone Household Worksheet Volume by Received Channel  June 2025 through November 2025</vt:lpstr>
      <vt:lpstr>Call Center – Calls Offered June 2025 through November 2025</vt:lpstr>
      <vt:lpstr>Call Center – Average Seconds to Answer (ASA) June 2025 through November 2025</vt:lpstr>
      <vt:lpstr>Call Center – Inbound Calls Handled English &amp; Spanish June 2025 through November 2025</vt:lpstr>
      <vt:lpstr>Call Center – Inbound Calls Handled Other Supported Spoken Languages June 2025 through November 2025</vt:lpstr>
      <vt:lpstr>Call Center – Webchats Handled June 2025 through November 2025</vt:lpstr>
      <vt:lpstr>Call Center – Emails Handled June 2025 through November 2025</vt:lpstr>
      <vt:lpstr>Call Center – Forms Manually Processed June 2025 through November 2025</vt:lpstr>
      <vt:lpstr>Questions or Comments for the TPA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Graettinger, James R</cp:lastModifiedBy>
  <cp:revision>80</cp:revision>
  <cp:lastPrinted>2025-12-05T11:23:40Z</cp:lastPrinted>
  <dcterms:created xsi:type="dcterms:W3CDTF">2022-06-20T13:30:03Z</dcterms:created>
  <dcterms:modified xsi:type="dcterms:W3CDTF">2025-12-09T11:43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